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slides/slide58.xml" ContentType="application/vnd.openxmlformats-officedocument.presentationml.slide+xml"/>
  <Override PartName="/ppt/slides/slide59.xml" ContentType="application/vnd.openxmlformats-officedocument.presentationml.slide+xml"/>
  <Override PartName="/ppt/slides/slide60.xml" ContentType="application/vnd.openxmlformats-officedocument.presentationml.slide+xml"/>
  <Override PartName="/ppt/slides/slide61.xml" ContentType="application/vnd.openxmlformats-officedocument.presentationml.slide+xml"/>
  <Override PartName="/ppt/slides/slide62.xml" ContentType="application/vnd.openxmlformats-officedocument.presentationml.slide+xml"/>
  <Override PartName="/ppt/slides/slide63.xml" ContentType="application/vnd.openxmlformats-officedocument.presentationml.slide+xml"/>
  <Override PartName="/ppt/slides/slide64.xml" ContentType="application/vnd.openxmlformats-officedocument.presentationml.slide+xml"/>
  <Override PartName="/ppt/slides/slide65.xml" ContentType="application/vnd.openxmlformats-officedocument.presentationml.slide+xml"/>
  <Override PartName="/ppt/slides/slide66.xml" ContentType="application/vnd.openxmlformats-officedocument.presentationml.slide+xml"/>
  <Override PartName="/ppt/slides/slide67.xml" ContentType="application/vnd.openxmlformats-officedocument.presentationml.slide+xml"/>
  <Override PartName="/ppt/slides/slide68.xml" ContentType="application/vnd.openxmlformats-officedocument.presentationml.slide+xml"/>
  <Override PartName="/ppt/slides/slide69.xml" ContentType="application/vnd.openxmlformats-officedocument.presentationml.slide+xml"/>
  <Override PartName="/ppt/slides/slide70.xml" ContentType="application/vnd.openxmlformats-officedocument.presentationml.slide+xml"/>
  <Override PartName="/ppt/slides/slide71.xml" ContentType="application/vnd.openxmlformats-officedocument.presentationml.slide+xml"/>
  <Override PartName="/ppt/slides/slide72.xml" ContentType="application/vnd.openxmlformats-officedocument.presentationml.slide+xml"/>
  <Override PartName="/ppt/slides/slide7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88" r:id="rId16"/>
    <p:sldMasterId id="2147483856" r:id="rId17"/>
    <p:sldMasterId id="2147483852" r:id="rId18"/>
  </p:sldMasterIdLst>
  <p:notesMasterIdLst>
    <p:notesMasterId r:id="rId92"/>
  </p:notesMasterIdLst>
  <p:handoutMasterIdLst>
    <p:handoutMasterId r:id="rId93"/>
  </p:handoutMasterIdLst>
  <p:sldIdLst>
    <p:sldId id="452" r:id="rId19"/>
    <p:sldId id="344" r:id="rId20"/>
    <p:sldId id="517" r:id="rId21"/>
    <p:sldId id="498" r:id="rId22"/>
    <p:sldId id="499" r:id="rId23"/>
    <p:sldId id="500" r:id="rId24"/>
    <p:sldId id="501" r:id="rId25"/>
    <p:sldId id="514" r:id="rId26"/>
    <p:sldId id="516" r:id="rId27"/>
    <p:sldId id="515" r:id="rId28"/>
    <p:sldId id="502" r:id="rId29"/>
    <p:sldId id="518" r:id="rId30"/>
    <p:sldId id="505" r:id="rId31"/>
    <p:sldId id="507" r:id="rId32"/>
    <p:sldId id="506" r:id="rId33"/>
    <p:sldId id="519" r:id="rId34"/>
    <p:sldId id="508" r:id="rId35"/>
    <p:sldId id="509" r:id="rId36"/>
    <p:sldId id="510" r:id="rId37"/>
    <p:sldId id="521" r:id="rId38"/>
    <p:sldId id="511" r:id="rId39"/>
    <p:sldId id="472" r:id="rId40"/>
    <p:sldId id="476" r:id="rId41"/>
    <p:sldId id="486" r:id="rId42"/>
    <p:sldId id="487" r:id="rId43"/>
    <p:sldId id="527" r:id="rId44"/>
    <p:sldId id="526" r:id="rId45"/>
    <p:sldId id="525" r:id="rId46"/>
    <p:sldId id="256" r:id="rId47"/>
    <p:sldId id="524" r:id="rId48"/>
    <p:sldId id="520" r:id="rId49"/>
    <p:sldId id="453" r:id="rId50"/>
    <p:sldId id="454" r:id="rId51"/>
    <p:sldId id="455" r:id="rId52"/>
    <p:sldId id="456" r:id="rId53"/>
    <p:sldId id="458" r:id="rId54"/>
    <p:sldId id="459" r:id="rId55"/>
    <p:sldId id="460" r:id="rId56"/>
    <p:sldId id="461" r:id="rId57"/>
    <p:sldId id="462" r:id="rId58"/>
    <p:sldId id="463" r:id="rId59"/>
    <p:sldId id="464" r:id="rId60"/>
    <p:sldId id="465" r:id="rId61"/>
    <p:sldId id="466" r:id="rId62"/>
    <p:sldId id="467" r:id="rId63"/>
    <p:sldId id="468" r:id="rId64"/>
    <p:sldId id="469" r:id="rId65"/>
    <p:sldId id="497" r:id="rId66"/>
    <p:sldId id="470" r:id="rId67"/>
    <p:sldId id="496" r:id="rId68"/>
    <p:sldId id="471" r:id="rId69"/>
    <p:sldId id="473" r:id="rId70"/>
    <p:sldId id="477" r:id="rId71"/>
    <p:sldId id="474" r:id="rId72"/>
    <p:sldId id="478" r:id="rId73"/>
    <p:sldId id="475" r:id="rId74"/>
    <p:sldId id="479" r:id="rId75"/>
    <p:sldId id="480" r:id="rId76"/>
    <p:sldId id="481" r:id="rId77"/>
    <p:sldId id="482" r:id="rId78"/>
    <p:sldId id="483" r:id="rId79"/>
    <p:sldId id="484" r:id="rId80"/>
    <p:sldId id="485" r:id="rId81"/>
    <p:sldId id="488" r:id="rId82"/>
    <p:sldId id="489" r:id="rId83"/>
    <p:sldId id="490" r:id="rId84"/>
    <p:sldId id="491" r:id="rId85"/>
    <p:sldId id="492" r:id="rId86"/>
    <p:sldId id="493" r:id="rId87"/>
    <p:sldId id="494" r:id="rId88"/>
    <p:sldId id="495" r:id="rId89"/>
    <p:sldId id="522" r:id="rId90"/>
    <p:sldId id="523" r:id="rId91"/>
  </p:sldIdLst>
  <p:sldSz cx="12195175" cy="6858000"/>
  <p:notesSz cx="6858000" cy="9144000"/>
  <p:custDataLst>
    <p:tags r:id="rId9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Main Content" id="{A04C3DA9-3FDA-4345-90BA-03C83B0BD9B4}">
          <p14:sldIdLst>
            <p14:sldId id="452"/>
            <p14:sldId id="344"/>
            <p14:sldId id="517"/>
            <p14:sldId id="498"/>
            <p14:sldId id="499"/>
            <p14:sldId id="500"/>
            <p14:sldId id="501"/>
            <p14:sldId id="514"/>
            <p14:sldId id="516"/>
            <p14:sldId id="515"/>
            <p14:sldId id="502"/>
            <p14:sldId id="518"/>
            <p14:sldId id="505"/>
            <p14:sldId id="507"/>
            <p14:sldId id="506"/>
            <p14:sldId id="519"/>
            <p14:sldId id="508"/>
            <p14:sldId id="509"/>
            <p14:sldId id="510"/>
            <p14:sldId id="521"/>
            <p14:sldId id="511"/>
            <p14:sldId id="472"/>
            <p14:sldId id="476"/>
            <p14:sldId id="486"/>
            <p14:sldId id="487"/>
            <p14:sldId id="527"/>
            <p14:sldId id="526"/>
            <p14:sldId id="525"/>
            <p14:sldId id="256"/>
            <p14:sldId id="524"/>
          </p14:sldIdLst>
        </p14:section>
        <p14:section name="Appendix" id="{0DA3ABAE-BBFD-0341-84CC-29A54C2CFE53}">
          <p14:sldIdLst>
            <p14:sldId id="520"/>
          </p14:sldIdLst>
        </p14:section>
        <p14:section name="Appendix - Pflichtenheft" id="{6C56E9CD-0761-DC49-8AF2-3580E22757A2}">
          <p14:sldIdLst>
            <p14:sldId id="453"/>
            <p14:sldId id="454"/>
            <p14:sldId id="455"/>
            <p14:sldId id="456"/>
            <p14:sldId id="458"/>
            <p14:sldId id="459"/>
            <p14:sldId id="460"/>
            <p14:sldId id="461"/>
            <p14:sldId id="462"/>
            <p14:sldId id="463"/>
            <p14:sldId id="464"/>
            <p14:sldId id="465"/>
            <p14:sldId id="466"/>
            <p14:sldId id="467"/>
            <p14:sldId id="468"/>
            <p14:sldId id="469"/>
            <p14:sldId id="497"/>
            <p14:sldId id="470"/>
            <p14:sldId id="496"/>
            <p14:sldId id="471"/>
          </p14:sldIdLst>
        </p14:section>
        <p14:section name="Appendix - Mikromodellierung" id="{5A134B90-A43F-0641-B1D8-5CDA3D42B1A8}">
          <p14:sldIdLst>
            <p14:sldId id="473"/>
            <p14:sldId id="477"/>
            <p14:sldId id="474"/>
            <p14:sldId id="478"/>
            <p14:sldId id="475"/>
            <p14:sldId id="479"/>
            <p14:sldId id="480"/>
            <p14:sldId id="481"/>
            <p14:sldId id="482"/>
            <p14:sldId id="483"/>
            <p14:sldId id="484"/>
            <p14:sldId id="485"/>
            <p14:sldId id="488"/>
            <p14:sldId id="489"/>
            <p14:sldId id="490"/>
            <p14:sldId id="491"/>
            <p14:sldId id="492"/>
            <p14:sldId id="493"/>
            <p14:sldId id="494"/>
            <p14:sldId id="495"/>
          </p14:sldIdLst>
        </p14:section>
        <p14:section name="Appendix - Makromodellierung" id="{9A151038-3C62-6B46-A740-EB758A596D01}">
          <p14:sldIdLst>
            <p14:sldId id="522"/>
            <p14:sldId id="523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ED08975-0CF9-8545-BDD6-5D0D9CE6BB7F}" v="189" dt="2022-07-27T13:14:27.40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10"/>
    <p:restoredTop sz="94656"/>
  </p:normalViewPr>
  <p:slideViewPr>
    <p:cSldViewPr snapToGrid="0" snapToObjects="1">
      <p:cViewPr varScale="1">
        <p:scale>
          <a:sx n="107" d="100"/>
          <a:sy n="107" d="100"/>
        </p:scale>
        <p:origin x="736" y="168"/>
      </p:cViewPr>
      <p:guideLst>
        <p:guide pos="3841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napToObjects="1">
      <p:cViewPr varScale="1">
        <p:scale>
          <a:sx n="66" d="100"/>
          <a:sy n="66" d="100"/>
        </p:scale>
        <p:origin x="0" y="0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8.xml"/><Relationship Id="rId21" Type="http://schemas.openxmlformats.org/officeDocument/2006/relationships/slide" Target="slides/slide3.xml"/><Relationship Id="rId42" Type="http://schemas.openxmlformats.org/officeDocument/2006/relationships/slide" Target="slides/slide24.xml"/><Relationship Id="rId47" Type="http://schemas.openxmlformats.org/officeDocument/2006/relationships/slide" Target="slides/slide29.xml"/><Relationship Id="rId63" Type="http://schemas.openxmlformats.org/officeDocument/2006/relationships/slide" Target="slides/slide45.xml"/><Relationship Id="rId68" Type="http://schemas.openxmlformats.org/officeDocument/2006/relationships/slide" Target="slides/slide50.xml"/><Relationship Id="rId84" Type="http://schemas.openxmlformats.org/officeDocument/2006/relationships/slide" Target="slides/slide66.xml"/><Relationship Id="rId89" Type="http://schemas.openxmlformats.org/officeDocument/2006/relationships/slide" Target="slides/slide71.xml"/><Relationship Id="rId16" Type="http://schemas.openxmlformats.org/officeDocument/2006/relationships/slideMaster" Target="slideMasters/slideMaster1.xml"/><Relationship Id="rId11" Type="http://schemas.openxmlformats.org/officeDocument/2006/relationships/customXml" Target="../customXml/item11.xml"/><Relationship Id="rId32" Type="http://schemas.openxmlformats.org/officeDocument/2006/relationships/slide" Target="slides/slide14.xml"/><Relationship Id="rId37" Type="http://schemas.openxmlformats.org/officeDocument/2006/relationships/slide" Target="slides/slide19.xml"/><Relationship Id="rId53" Type="http://schemas.openxmlformats.org/officeDocument/2006/relationships/slide" Target="slides/slide35.xml"/><Relationship Id="rId58" Type="http://schemas.openxmlformats.org/officeDocument/2006/relationships/slide" Target="slides/slide40.xml"/><Relationship Id="rId74" Type="http://schemas.openxmlformats.org/officeDocument/2006/relationships/slide" Target="slides/slide56.xml"/><Relationship Id="rId79" Type="http://schemas.openxmlformats.org/officeDocument/2006/relationships/slide" Target="slides/slide61.xml"/><Relationship Id="rId5" Type="http://schemas.openxmlformats.org/officeDocument/2006/relationships/customXml" Target="../customXml/item5.xml"/><Relationship Id="rId90" Type="http://schemas.openxmlformats.org/officeDocument/2006/relationships/slide" Target="slides/slide72.xml"/><Relationship Id="rId95" Type="http://schemas.openxmlformats.org/officeDocument/2006/relationships/presProps" Target="presProps.xml"/><Relationship Id="rId22" Type="http://schemas.openxmlformats.org/officeDocument/2006/relationships/slide" Target="slides/slide4.xml"/><Relationship Id="rId27" Type="http://schemas.openxmlformats.org/officeDocument/2006/relationships/slide" Target="slides/slide9.xml"/><Relationship Id="rId43" Type="http://schemas.openxmlformats.org/officeDocument/2006/relationships/slide" Target="slides/slide25.xml"/><Relationship Id="rId48" Type="http://schemas.openxmlformats.org/officeDocument/2006/relationships/slide" Target="slides/slide30.xml"/><Relationship Id="rId64" Type="http://schemas.openxmlformats.org/officeDocument/2006/relationships/slide" Target="slides/slide46.xml"/><Relationship Id="rId69" Type="http://schemas.openxmlformats.org/officeDocument/2006/relationships/slide" Target="slides/slide51.xml"/><Relationship Id="rId80" Type="http://schemas.openxmlformats.org/officeDocument/2006/relationships/slide" Target="slides/slide62.xml"/><Relationship Id="rId85" Type="http://schemas.openxmlformats.org/officeDocument/2006/relationships/slide" Target="slides/slide67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2.xml"/><Relationship Id="rId25" Type="http://schemas.openxmlformats.org/officeDocument/2006/relationships/slide" Target="slides/slide7.xml"/><Relationship Id="rId33" Type="http://schemas.openxmlformats.org/officeDocument/2006/relationships/slide" Target="slides/slide15.xml"/><Relationship Id="rId38" Type="http://schemas.openxmlformats.org/officeDocument/2006/relationships/slide" Target="slides/slide20.xml"/><Relationship Id="rId46" Type="http://schemas.openxmlformats.org/officeDocument/2006/relationships/slide" Target="slides/slide28.xml"/><Relationship Id="rId59" Type="http://schemas.openxmlformats.org/officeDocument/2006/relationships/slide" Target="slides/slide41.xml"/><Relationship Id="rId67" Type="http://schemas.openxmlformats.org/officeDocument/2006/relationships/slide" Target="slides/slide49.xml"/><Relationship Id="rId20" Type="http://schemas.openxmlformats.org/officeDocument/2006/relationships/slide" Target="slides/slide2.xml"/><Relationship Id="rId41" Type="http://schemas.openxmlformats.org/officeDocument/2006/relationships/slide" Target="slides/slide23.xml"/><Relationship Id="rId54" Type="http://schemas.openxmlformats.org/officeDocument/2006/relationships/slide" Target="slides/slide36.xml"/><Relationship Id="rId62" Type="http://schemas.openxmlformats.org/officeDocument/2006/relationships/slide" Target="slides/slide44.xml"/><Relationship Id="rId70" Type="http://schemas.openxmlformats.org/officeDocument/2006/relationships/slide" Target="slides/slide52.xml"/><Relationship Id="rId75" Type="http://schemas.openxmlformats.org/officeDocument/2006/relationships/slide" Target="slides/slide57.xml"/><Relationship Id="rId83" Type="http://schemas.openxmlformats.org/officeDocument/2006/relationships/slide" Target="slides/slide65.xml"/><Relationship Id="rId88" Type="http://schemas.openxmlformats.org/officeDocument/2006/relationships/slide" Target="slides/slide70.xml"/><Relationship Id="rId91" Type="http://schemas.openxmlformats.org/officeDocument/2006/relationships/slide" Target="slides/slide73.xml"/><Relationship Id="rId9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slide" Target="slides/slide10.xml"/><Relationship Id="rId36" Type="http://schemas.openxmlformats.org/officeDocument/2006/relationships/slide" Target="slides/slide18.xml"/><Relationship Id="rId49" Type="http://schemas.openxmlformats.org/officeDocument/2006/relationships/slide" Target="slides/slide31.xml"/><Relationship Id="rId57" Type="http://schemas.openxmlformats.org/officeDocument/2006/relationships/slide" Target="slides/slide39.xml"/><Relationship Id="rId10" Type="http://schemas.openxmlformats.org/officeDocument/2006/relationships/customXml" Target="../customXml/item10.xml"/><Relationship Id="rId31" Type="http://schemas.openxmlformats.org/officeDocument/2006/relationships/slide" Target="slides/slide13.xml"/><Relationship Id="rId44" Type="http://schemas.openxmlformats.org/officeDocument/2006/relationships/slide" Target="slides/slide26.xml"/><Relationship Id="rId52" Type="http://schemas.openxmlformats.org/officeDocument/2006/relationships/slide" Target="slides/slide34.xml"/><Relationship Id="rId60" Type="http://schemas.openxmlformats.org/officeDocument/2006/relationships/slide" Target="slides/slide42.xml"/><Relationship Id="rId65" Type="http://schemas.openxmlformats.org/officeDocument/2006/relationships/slide" Target="slides/slide47.xml"/><Relationship Id="rId73" Type="http://schemas.openxmlformats.org/officeDocument/2006/relationships/slide" Target="slides/slide55.xml"/><Relationship Id="rId78" Type="http://schemas.openxmlformats.org/officeDocument/2006/relationships/slide" Target="slides/slide60.xml"/><Relationship Id="rId81" Type="http://schemas.openxmlformats.org/officeDocument/2006/relationships/slide" Target="slides/slide63.xml"/><Relationship Id="rId86" Type="http://schemas.openxmlformats.org/officeDocument/2006/relationships/slide" Target="slides/slide68.xml"/><Relationship Id="rId94" Type="http://schemas.openxmlformats.org/officeDocument/2006/relationships/tags" Target="tags/tag1.xml"/><Relationship Id="rId99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3.xml"/><Relationship Id="rId39" Type="http://schemas.openxmlformats.org/officeDocument/2006/relationships/slide" Target="slides/slide21.xml"/><Relationship Id="rId34" Type="http://schemas.openxmlformats.org/officeDocument/2006/relationships/slide" Target="slides/slide16.xml"/><Relationship Id="rId50" Type="http://schemas.openxmlformats.org/officeDocument/2006/relationships/slide" Target="slides/slide32.xml"/><Relationship Id="rId55" Type="http://schemas.openxmlformats.org/officeDocument/2006/relationships/slide" Target="slides/slide37.xml"/><Relationship Id="rId76" Type="http://schemas.openxmlformats.org/officeDocument/2006/relationships/slide" Target="slides/slide58.xml"/><Relationship Id="rId97" Type="http://schemas.openxmlformats.org/officeDocument/2006/relationships/theme" Target="theme/theme1.xml"/><Relationship Id="rId7" Type="http://schemas.openxmlformats.org/officeDocument/2006/relationships/customXml" Target="../customXml/item7.xml"/><Relationship Id="rId71" Type="http://schemas.openxmlformats.org/officeDocument/2006/relationships/slide" Target="slides/slide53.xml"/><Relationship Id="rId92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29" Type="http://schemas.openxmlformats.org/officeDocument/2006/relationships/slide" Target="slides/slide11.xml"/><Relationship Id="rId24" Type="http://schemas.openxmlformats.org/officeDocument/2006/relationships/slide" Target="slides/slide6.xml"/><Relationship Id="rId40" Type="http://schemas.openxmlformats.org/officeDocument/2006/relationships/slide" Target="slides/slide22.xml"/><Relationship Id="rId45" Type="http://schemas.openxmlformats.org/officeDocument/2006/relationships/slide" Target="slides/slide27.xml"/><Relationship Id="rId66" Type="http://schemas.openxmlformats.org/officeDocument/2006/relationships/slide" Target="slides/slide48.xml"/><Relationship Id="rId87" Type="http://schemas.openxmlformats.org/officeDocument/2006/relationships/slide" Target="slides/slide69.xml"/><Relationship Id="rId61" Type="http://schemas.openxmlformats.org/officeDocument/2006/relationships/slide" Target="slides/slide43.xml"/><Relationship Id="rId82" Type="http://schemas.openxmlformats.org/officeDocument/2006/relationships/slide" Target="slides/slide64.xml"/><Relationship Id="rId19" Type="http://schemas.openxmlformats.org/officeDocument/2006/relationships/slide" Target="slides/slide1.xml"/><Relationship Id="rId14" Type="http://schemas.openxmlformats.org/officeDocument/2006/relationships/customXml" Target="../customXml/item14.xml"/><Relationship Id="rId30" Type="http://schemas.openxmlformats.org/officeDocument/2006/relationships/slide" Target="slides/slide12.xml"/><Relationship Id="rId35" Type="http://schemas.openxmlformats.org/officeDocument/2006/relationships/slide" Target="slides/slide17.xml"/><Relationship Id="rId56" Type="http://schemas.openxmlformats.org/officeDocument/2006/relationships/slide" Target="slides/slide38.xml"/><Relationship Id="rId77" Type="http://schemas.openxmlformats.org/officeDocument/2006/relationships/slide" Target="slides/slide59.xml"/><Relationship Id="rId100" Type="http://schemas.microsoft.com/office/2015/10/relationships/revisionInfo" Target="revisionInfo.xml"/><Relationship Id="rId8" Type="http://schemas.openxmlformats.org/officeDocument/2006/relationships/customXml" Target="../customXml/item8.xml"/><Relationship Id="rId51" Type="http://schemas.openxmlformats.org/officeDocument/2006/relationships/slide" Target="slides/slide33.xml"/><Relationship Id="rId72" Type="http://schemas.openxmlformats.org/officeDocument/2006/relationships/slide" Target="slides/slide54.xml"/><Relationship Id="rId93" Type="http://schemas.openxmlformats.org/officeDocument/2006/relationships/handoutMaster" Target="handoutMasters/handoutMaster1.xml"/><Relationship Id="rId98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Neunzig, Mathis" userId="94a0c205-b3bb-48c8-85e9-b8dffcb81cc7" providerId="ADAL" clId="{1ECEF91A-4C22-FB46-A090-6D4C402057D2}"/>
    <pc:docChg chg="undo custSel addSld delSld modSld sldOrd modMainMaster addSection delSection modSection">
      <pc:chgData name="Neunzig, Mathis" userId="94a0c205-b3bb-48c8-85e9-b8dffcb81cc7" providerId="ADAL" clId="{1ECEF91A-4C22-FB46-A090-6D4C402057D2}" dt="2022-07-25T14:42:00.086" v="5035" actId="1076"/>
      <pc:docMkLst>
        <pc:docMk/>
      </pc:docMkLst>
      <pc:sldChg chg="mod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145380462" sldId="256"/>
        </pc:sldMkLst>
        <pc:spChg chg="mod">
          <ac:chgData name="Neunzig, Mathis" userId="94a0c205-b3bb-48c8-85e9-b8dffcb81cc7" providerId="ADAL" clId="{1ECEF91A-4C22-FB46-A090-6D4C402057D2}" dt="2022-07-25T13:33:15.762" v="4257" actId="1076"/>
          <ac:spMkLst>
            <pc:docMk/>
            <pc:sldMk cId="4145380462" sldId="256"/>
            <ac:spMk id="9" creationId="{5F253D4B-DCBF-0B4C-849A-D37213C20E21}"/>
          </ac:spMkLst>
        </pc:spChg>
      </pc:sldChg>
      <pc:sldChg chg="addSp modSp mod modTransition modClrScheme chgLayout">
        <pc:chgData name="Neunzig, Mathis" userId="94a0c205-b3bb-48c8-85e9-b8dffcb81cc7" providerId="ADAL" clId="{1ECEF91A-4C22-FB46-A090-6D4C402057D2}" dt="2022-07-25T13:38:58.599" v="4433"/>
        <pc:sldMkLst>
          <pc:docMk/>
          <pc:sldMk cId="0" sldId="344"/>
        </pc:sldMkLst>
        <pc:spChg chg="mod ord">
          <ac:chgData name="Neunzig, Mathis" userId="94a0c205-b3bb-48c8-85e9-b8dffcb81cc7" providerId="ADAL" clId="{1ECEF91A-4C22-FB46-A090-6D4C402057D2}" dt="2022-07-13T12:20:50.865" v="730" actId="700"/>
          <ac:spMkLst>
            <pc:docMk/>
            <pc:sldMk cId="0" sldId="344"/>
            <ac:spMk id="2" creationId="{00000000-0000-0000-0000-000000000000}"/>
          </ac:spMkLst>
        </pc:spChg>
        <pc:spChg chg="mod ord">
          <ac:chgData name="Neunzig, Mathis" userId="94a0c205-b3bb-48c8-85e9-b8dffcb81cc7" providerId="ADAL" clId="{1ECEF91A-4C22-FB46-A090-6D4C402057D2}" dt="2022-07-25T12:49:52.220" v="3605" actId="20577"/>
          <ac:spMkLst>
            <pc:docMk/>
            <pc:sldMk cId="0" sldId="344"/>
            <ac:spMk id="3" creationId="{00000000-0000-0000-0000-000000000000}"/>
          </ac:spMkLst>
        </pc:spChg>
        <pc:spChg chg="add mod ord">
          <ac:chgData name="Neunzig, Mathis" userId="94a0c205-b3bb-48c8-85e9-b8dffcb81cc7" providerId="ADAL" clId="{1ECEF91A-4C22-FB46-A090-6D4C402057D2}" dt="2022-07-18T12:49:21.105" v="993"/>
          <ac:spMkLst>
            <pc:docMk/>
            <pc:sldMk cId="0" sldId="344"/>
            <ac:spMk id="4" creationId="{400F1451-4D1F-387B-42AB-D8158BD50B8C}"/>
          </ac:spMkLst>
        </pc:spChg>
      </pc:sldChg>
      <pc:sldChg chg="del">
        <pc:chgData name="Neunzig, Mathis" userId="94a0c205-b3bb-48c8-85e9-b8dffcb81cc7" providerId="ADAL" clId="{1ECEF91A-4C22-FB46-A090-6D4C402057D2}" dt="2022-07-25T13:02:07.369" v="3694" actId="2696"/>
        <pc:sldMkLst>
          <pc:docMk/>
          <pc:sldMk cId="1696652717" sldId="450"/>
        </pc:sldMkLst>
      </pc:sldChg>
      <pc:sldChg chg="modTransition">
        <pc:chgData name="Neunzig, Mathis" userId="94a0c205-b3bb-48c8-85e9-b8dffcb81cc7" providerId="ADAL" clId="{1ECEF91A-4C22-FB46-A090-6D4C402057D2}" dt="2022-07-25T13:38:58.599" v="4433"/>
        <pc:sldMkLst>
          <pc:docMk/>
          <pc:sldMk cId="2057079689" sldId="452"/>
        </pc:sldMkLst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494897833" sldId="453"/>
        </pc:sldMkLst>
        <pc:spChg chg="mod">
          <ac:chgData name="Neunzig, Mathis" userId="94a0c205-b3bb-48c8-85e9-b8dffcb81cc7" providerId="ADAL" clId="{1ECEF91A-4C22-FB46-A090-6D4C402057D2}" dt="2022-07-25T12:21:34.067" v="1937"/>
          <ac:spMkLst>
            <pc:docMk/>
            <pc:sldMk cId="2494897833" sldId="453"/>
            <ac:spMk id="4" creationId="{C2DD7403-21CE-05AA-2CE6-737DDFC98FA4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547893095" sldId="454"/>
        </pc:sldMkLst>
        <pc:spChg chg="mod">
          <ac:chgData name="Neunzig, Mathis" userId="94a0c205-b3bb-48c8-85e9-b8dffcb81cc7" providerId="ADAL" clId="{1ECEF91A-4C22-FB46-A090-6D4C402057D2}" dt="2022-07-25T12:21:10.268" v="1930"/>
          <ac:spMkLst>
            <pc:docMk/>
            <pc:sldMk cId="547893095" sldId="454"/>
            <ac:spMk id="3" creationId="{40BCD606-21BB-788C-F180-86D872831B0D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745909736" sldId="455"/>
        </pc:sldMkLst>
        <pc:spChg chg="mod">
          <ac:chgData name="Neunzig, Mathis" userId="94a0c205-b3bb-48c8-85e9-b8dffcb81cc7" providerId="ADAL" clId="{1ECEF91A-4C22-FB46-A090-6D4C402057D2}" dt="2022-07-25T12:21:06.796" v="1929"/>
          <ac:spMkLst>
            <pc:docMk/>
            <pc:sldMk cId="745909736" sldId="455"/>
            <ac:spMk id="3" creationId="{40BCD606-21BB-788C-F180-86D872831B0D}"/>
          </ac:spMkLst>
        </pc:spChg>
      </pc:sldChg>
      <pc:sldChg chg="delSp modSp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190308134" sldId="456"/>
        </pc:sldMkLst>
        <pc:spChg chg="mod">
          <ac:chgData name="Neunzig, Mathis" userId="94a0c205-b3bb-48c8-85e9-b8dffcb81cc7" providerId="ADAL" clId="{1ECEF91A-4C22-FB46-A090-6D4C402057D2}" dt="2022-07-25T12:20:58.995" v="1928"/>
          <ac:spMkLst>
            <pc:docMk/>
            <pc:sldMk cId="4190308134" sldId="456"/>
            <ac:spMk id="3" creationId="{40BCD606-21BB-788C-F180-86D872831B0D}"/>
          </ac:spMkLst>
        </pc:spChg>
        <pc:spChg chg="del">
          <ac:chgData name="Neunzig, Mathis" userId="94a0c205-b3bb-48c8-85e9-b8dffcb81cc7" providerId="ADAL" clId="{1ECEF91A-4C22-FB46-A090-6D4C402057D2}" dt="2022-07-13T11:40:35.948" v="691" actId="478"/>
          <ac:spMkLst>
            <pc:docMk/>
            <pc:sldMk cId="4190308134" sldId="456"/>
            <ac:spMk id="7" creationId="{0C92D38E-2414-9A34-AD44-8049EA2ED682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187423264" sldId="458"/>
        </pc:sldMkLst>
        <pc:spChg chg="mod">
          <ac:chgData name="Neunzig, Mathis" userId="94a0c205-b3bb-48c8-85e9-b8dffcb81cc7" providerId="ADAL" clId="{1ECEF91A-4C22-FB46-A090-6D4C402057D2}" dt="2022-07-25T12:20:55.522" v="1927"/>
          <ac:spMkLst>
            <pc:docMk/>
            <pc:sldMk cId="3187423264" sldId="458"/>
            <ac:spMk id="3" creationId="{40BCD606-21BB-788C-F180-86D872831B0D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504254690" sldId="459"/>
        </pc:sldMkLst>
        <pc:spChg chg="mod">
          <ac:chgData name="Neunzig, Mathis" userId="94a0c205-b3bb-48c8-85e9-b8dffcb81cc7" providerId="ADAL" clId="{1ECEF91A-4C22-FB46-A090-6D4C402057D2}" dt="2022-07-25T12:20:52.617" v="1926"/>
          <ac:spMkLst>
            <pc:docMk/>
            <pc:sldMk cId="504254690" sldId="459"/>
            <ac:spMk id="3" creationId="{40BCD606-21BB-788C-F180-86D872831B0D}"/>
          </ac:spMkLst>
        </pc:spChg>
      </pc:sldChg>
      <pc:sldChg chg="addSp delSp modSp mod ord modTransition modClrScheme chgLayout">
        <pc:chgData name="Neunzig, Mathis" userId="94a0c205-b3bb-48c8-85e9-b8dffcb81cc7" providerId="ADAL" clId="{1ECEF91A-4C22-FB46-A090-6D4C402057D2}" dt="2022-07-25T13:38:58.599" v="4433"/>
        <pc:sldMkLst>
          <pc:docMk/>
          <pc:sldMk cId="3050238362" sldId="460"/>
        </pc:sldMkLst>
        <pc:spChg chg="del mod ord">
          <ac:chgData name="Neunzig, Mathis" userId="94a0c205-b3bb-48c8-85e9-b8dffcb81cc7" providerId="ADAL" clId="{1ECEF91A-4C22-FB46-A090-6D4C402057D2}" dt="2022-07-04T07:38:16.253" v="0" actId="700"/>
          <ac:spMkLst>
            <pc:docMk/>
            <pc:sldMk cId="3050238362" sldId="460"/>
            <ac:spMk id="2" creationId="{C247197F-021B-ABF2-15BA-0869DBFD4E2C}"/>
          </ac:spMkLst>
        </pc:spChg>
        <pc:spChg chg="mod ord">
          <ac:chgData name="Neunzig, Mathis" userId="94a0c205-b3bb-48c8-85e9-b8dffcb81cc7" providerId="ADAL" clId="{1ECEF91A-4C22-FB46-A090-6D4C402057D2}" dt="2022-07-25T12:20:49.755" v="1925"/>
          <ac:spMkLst>
            <pc:docMk/>
            <pc:sldMk cId="3050238362" sldId="460"/>
            <ac:spMk id="3" creationId="{40BCD606-21BB-788C-F180-86D872831B0D}"/>
          </ac:spMkLst>
        </pc:spChg>
        <pc:spChg chg="add mod ord">
          <ac:chgData name="Neunzig, Mathis" userId="94a0c205-b3bb-48c8-85e9-b8dffcb81cc7" providerId="ADAL" clId="{1ECEF91A-4C22-FB46-A090-6D4C402057D2}" dt="2022-07-04T07:39:57.014" v="202" actId="20577"/>
          <ac:spMkLst>
            <pc:docMk/>
            <pc:sldMk cId="3050238362" sldId="460"/>
            <ac:spMk id="5" creationId="{5FF67930-E6A6-53B8-8088-53563BF5A128}"/>
          </ac:spMkLst>
        </pc:spChg>
        <pc:spChg chg="add mod ord">
          <ac:chgData name="Neunzig, Mathis" userId="94a0c205-b3bb-48c8-85e9-b8dffcb81cc7" providerId="ADAL" clId="{1ECEF91A-4C22-FB46-A090-6D4C402057D2}" dt="2022-07-04T07:41:21.694" v="394" actId="20577"/>
          <ac:spMkLst>
            <pc:docMk/>
            <pc:sldMk cId="3050238362" sldId="460"/>
            <ac:spMk id="6" creationId="{3887CB5D-281A-5C51-1DDB-7303E25225CA}"/>
          </ac:spMkLst>
        </pc:spChg>
        <pc:spChg chg="add mod ord">
          <ac:chgData name="Neunzig, Mathis" userId="94a0c205-b3bb-48c8-85e9-b8dffcb81cc7" providerId="ADAL" clId="{1ECEF91A-4C22-FB46-A090-6D4C402057D2}" dt="2022-07-04T07:42:26.851" v="559" actId="20577"/>
          <ac:spMkLst>
            <pc:docMk/>
            <pc:sldMk cId="3050238362" sldId="460"/>
            <ac:spMk id="7" creationId="{08F1663F-D47C-EAD0-A586-95924288BF60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192503598" sldId="461"/>
        </pc:sldMkLst>
        <pc:spChg chg="mod">
          <ac:chgData name="Neunzig, Mathis" userId="94a0c205-b3bb-48c8-85e9-b8dffcb81cc7" providerId="ADAL" clId="{1ECEF91A-4C22-FB46-A090-6D4C402057D2}" dt="2022-07-25T12:20:46.832" v="1924"/>
          <ac:spMkLst>
            <pc:docMk/>
            <pc:sldMk cId="3192503598" sldId="461"/>
            <ac:spMk id="3" creationId="{40BCD606-21BB-788C-F180-86D872831B0D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549483511" sldId="462"/>
        </pc:sldMkLst>
        <pc:spChg chg="mod">
          <ac:chgData name="Neunzig, Mathis" userId="94a0c205-b3bb-48c8-85e9-b8dffcb81cc7" providerId="ADAL" clId="{1ECEF91A-4C22-FB46-A090-6D4C402057D2}" dt="2022-07-25T12:20:44.074" v="1923"/>
          <ac:spMkLst>
            <pc:docMk/>
            <pc:sldMk cId="3549483511" sldId="462"/>
            <ac:spMk id="3" creationId="{40BCD606-21BB-788C-F180-86D872831B0D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141862400" sldId="463"/>
        </pc:sldMkLst>
        <pc:spChg chg="mod">
          <ac:chgData name="Neunzig, Mathis" userId="94a0c205-b3bb-48c8-85e9-b8dffcb81cc7" providerId="ADAL" clId="{1ECEF91A-4C22-FB46-A090-6D4C402057D2}" dt="2022-07-25T12:20:41.110" v="1922"/>
          <ac:spMkLst>
            <pc:docMk/>
            <pc:sldMk cId="4141862400" sldId="463"/>
            <ac:spMk id="3" creationId="{40BCD606-21BB-788C-F180-86D872831B0D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331046117" sldId="464"/>
        </pc:sldMkLst>
        <pc:spChg chg="mod">
          <ac:chgData name="Neunzig, Mathis" userId="94a0c205-b3bb-48c8-85e9-b8dffcb81cc7" providerId="ADAL" clId="{1ECEF91A-4C22-FB46-A090-6D4C402057D2}" dt="2022-07-25T12:20:39.064" v="1921"/>
          <ac:spMkLst>
            <pc:docMk/>
            <pc:sldMk cId="3331046117" sldId="464"/>
            <ac:spMk id="3" creationId="{40BCD606-21BB-788C-F180-86D872831B0D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184509900" sldId="465"/>
        </pc:sldMkLst>
        <pc:spChg chg="mod">
          <ac:chgData name="Neunzig, Mathis" userId="94a0c205-b3bb-48c8-85e9-b8dffcb81cc7" providerId="ADAL" clId="{1ECEF91A-4C22-FB46-A090-6D4C402057D2}" dt="2022-07-25T12:20:36.265" v="1920"/>
          <ac:spMkLst>
            <pc:docMk/>
            <pc:sldMk cId="1184509900" sldId="465"/>
            <ac:spMk id="3" creationId="{40BCD606-21BB-788C-F180-86D872831B0D}"/>
          </ac:spMkLst>
        </pc:spChg>
      </pc:sldChg>
      <pc:sldChg chg="addSp delSp modSp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197211604" sldId="466"/>
        </pc:sldMkLst>
        <pc:spChg chg="del">
          <ac:chgData name="Neunzig, Mathis" userId="94a0c205-b3bb-48c8-85e9-b8dffcb81cc7" providerId="ADAL" clId="{1ECEF91A-4C22-FB46-A090-6D4C402057D2}" dt="2022-07-25T13:25:12.725" v="4208" actId="478"/>
          <ac:spMkLst>
            <pc:docMk/>
            <pc:sldMk cId="4197211604" sldId="466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20:32.966" v="1919"/>
          <ac:spMkLst>
            <pc:docMk/>
            <pc:sldMk cId="4197211604" sldId="466"/>
            <ac:spMk id="3" creationId="{40BCD606-21BB-788C-F180-86D872831B0D}"/>
          </ac:spMkLst>
        </pc:spChg>
        <pc:spChg chg="add del">
          <ac:chgData name="Neunzig, Mathis" userId="94a0c205-b3bb-48c8-85e9-b8dffcb81cc7" providerId="ADAL" clId="{1ECEF91A-4C22-FB46-A090-6D4C402057D2}" dt="2022-07-25T12:20:31.127" v="1918" actId="22"/>
          <ac:spMkLst>
            <pc:docMk/>
            <pc:sldMk cId="4197211604" sldId="466"/>
            <ac:spMk id="6" creationId="{09778F7D-3CEC-9E04-0CD3-8A57D139D997}"/>
          </ac:spMkLst>
        </pc:spChg>
        <pc:spChg chg="add del mod">
          <ac:chgData name="Neunzig, Mathis" userId="94a0c205-b3bb-48c8-85e9-b8dffcb81cc7" providerId="ADAL" clId="{1ECEF91A-4C22-FB46-A090-6D4C402057D2}" dt="2022-07-25T13:25:11.544" v="4205"/>
          <ac:spMkLst>
            <pc:docMk/>
            <pc:sldMk cId="4197211604" sldId="466"/>
            <ac:spMk id="7" creationId="{701713A3-CA02-2817-3D31-7F42B1A19DF2}"/>
          </ac:spMkLst>
        </pc:spChg>
        <pc:spChg chg="add del mod">
          <ac:chgData name="Neunzig, Mathis" userId="94a0c205-b3bb-48c8-85e9-b8dffcb81cc7" providerId="ADAL" clId="{1ECEF91A-4C22-FB46-A090-6D4C402057D2}" dt="2022-07-25T13:25:11.731" v="4207"/>
          <ac:spMkLst>
            <pc:docMk/>
            <pc:sldMk cId="4197211604" sldId="466"/>
            <ac:spMk id="8" creationId="{8C57AA0B-26FC-BCC4-3D50-A43CDE156739}"/>
          </ac:spMkLst>
        </pc:spChg>
        <pc:spChg chg="add mod">
          <ac:chgData name="Neunzig, Mathis" userId="94a0c205-b3bb-48c8-85e9-b8dffcb81cc7" providerId="ADAL" clId="{1ECEF91A-4C22-FB46-A090-6D4C402057D2}" dt="2022-07-25T13:25:02.718" v="4201"/>
          <ac:spMkLst>
            <pc:docMk/>
            <pc:sldMk cId="4197211604" sldId="466"/>
            <ac:spMk id="15" creationId="{A35F2DC4-E771-6909-E947-C71BB3123026}"/>
          </ac:spMkLst>
        </pc:spChg>
        <pc:spChg chg="add mod">
          <ac:chgData name="Neunzig, Mathis" userId="94a0c205-b3bb-48c8-85e9-b8dffcb81cc7" providerId="ADAL" clId="{1ECEF91A-4C22-FB46-A090-6D4C402057D2}" dt="2022-07-25T13:25:02.718" v="4201"/>
          <ac:spMkLst>
            <pc:docMk/>
            <pc:sldMk cId="4197211604" sldId="466"/>
            <ac:spMk id="21" creationId="{B55E773C-CA02-371C-F348-4C8474185B6F}"/>
          </ac:spMkLst>
        </pc:spChg>
        <pc:spChg chg="add mod">
          <ac:chgData name="Neunzig, Mathis" userId="94a0c205-b3bb-48c8-85e9-b8dffcb81cc7" providerId="ADAL" clId="{1ECEF91A-4C22-FB46-A090-6D4C402057D2}" dt="2022-07-25T13:25:02.718" v="4201"/>
          <ac:spMkLst>
            <pc:docMk/>
            <pc:sldMk cId="4197211604" sldId="466"/>
            <ac:spMk id="22" creationId="{96FD88EA-E06A-2353-7683-559616DCBE45}"/>
          </ac:spMkLst>
        </pc:spChg>
        <pc:spChg chg="add mod">
          <ac:chgData name="Neunzig, Mathis" userId="94a0c205-b3bb-48c8-85e9-b8dffcb81cc7" providerId="ADAL" clId="{1ECEF91A-4C22-FB46-A090-6D4C402057D2}" dt="2022-07-25T13:25:02.718" v="4201"/>
          <ac:spMkLst>
            <pc:docMk/>
            <pc:sldMk cId="4197211604" sldId="466"/>
            <ac:spMk id="23" creationId="{3C66ABF5-49B0-9277-C00C-F9EB42430349}"/>
          </ac:spMkLst>
        </pc:spChg>
        <pc:picChg chg="add mod">
          <ac:chgData name="Neunzig, Mathis" userId="94a0c205-b3bb-48c8-85e9-b8dffcb81cc7" providerId="ADAL" clId="{1ECEF91A-4C22-FB46-A090-6D4C402057D2}" dt="2022-07-25T13:25:02.718" v="4201"/>
          <ac:picMkLst>
            <pc:docMk/>
            <pc:sldMk cId="4197211604" sldId="466"/>
            <ac:picMk id="9" creationId="{63837A8F-0C43-8DD2-2775-91D76E3CBC0B}"/>
          </ac:picMkLst>
        </pc:picChg>
        <pc:picChg chg="add mod">
          <ac:chgData name="Neunzig, Mathis" userId="94a0c205-b3bb-48c8-85e9-b8dffcb81cc7" providerId="ADAL" clId="{1ECEF91A-4C22-FB46-A090-6D4C402057D2}" dt="2022-07-25T13:25:02.718" v="4201"/>
          <ac:picMkLst>
            <pc:docMk/>
            <pc:sldMk cId="4197211604" sldId="466"/>
            <ac:picMk id="10" creationId="{6C160BCB-D7E6-2F7B-D430-84958898E851}"/>
          </ac:picMkLst>
        </pc:picChg>
        <pc:picChg chg="add mod">
          <ac:chgData name="Neunzig, Mathis" userId="94a0c205-b3bb-48c8-85e9-b8dffcb81cc7" providerId="ADAL" clId="{1ECEF91A-4C22-FB46-A090-6D4C402057D2}" dt="2022-07-25T13:25:02.718" v="4201"/>
          <ac:picMkLst>
            <pc:docMk/>
            <pc:sldMk cId="4197211604" sldId="466"/>
            <ac:picMk id="11" creationId="{E350FB09-F1B6-8449-D868-DC993CFE0EE0}"/>
          </ac:picMkLst>
        </pc:picChg>
        <pc:picChg chg="add mod">
          <ac:chgData name="Neunzig, Mathis" userId="94a0c205-b3bb-48c8-85e9-b8dffcb81cc7" providerId="ADAL" clId="{1ECEF91A-4C22-FB46-A090-6D4C402057D2}" dt="2022-07-25T13:25:02.718" v="4201"/>
          <ac:picMkLst>
            <pc:docMk/>
            <pc:sldMk cId="4197211604" sldId="466"/>
            <ac:picMk id="12" creationId="{46A5361E-D154-8A63-8A42-E90B5173F78D}"/>
          </ac:picMkLst>
        </pc:picChg>
        <pc:picChg chg="add mod">
          <ac:chgData name="Neunzig, Mathis" userId="94a0c205-b3bb-48c8-85e9-b8dffcb81cc7" providerId="ADAL" clId="{1ECEF91A-4C22-FB46-A090-6D4C402057D2}" dt="2022-07-25T13:25:02.718" v="4201"/>
          <ac:picMkLst>
            <pc:docMk/>
            <pc:sldMk cId="4197211604" sldId="466"/>
            <ac:picMk id="13" creationId="{BB27734F-8E46-6674-9CFD-0F419FC7CFD7}"/>
          </ac:picMkLst>
        </pc:picChg>
        <pc:picChg chg="add mod">
          <ac:chgData name="Neunzig, Mathis" userId="94a0c205-b3bb-48c8-85e9-b8dffcb81cc7" providerId="ADAL" clId="{1ECEF91A-4C22-FB46-A090-6D4C402057D2}" dt="2022-07-25T13:25:02.718" v="4201"/>
          <ac:picMkLst>
            <pc:docMk/>
            <pc:sldMk cId="4197211604" sldId="466"/>
            <ac:picMk id="14" creationId="{768B9347-0168-FD49-1519-964901ADE82A}"/>
          </ac:picMkLst>
        </pc:picChg>
        <pc:cxnChg chg="add mod">
          <ac:chgData name="Neunzig, Mathis" userId="94a0c205-b3bb-48c8-85e9-b8dffcb81cc7" providerId="ADAL" clId="{1ECEF91A-4C22-FB46-A090-6D4C402057D2}" dt="2022-07-25T13:25:02.718" v="4201"/>
          <ac:cxnSpMkLst>
            <pc:docMk/>
            <pc:sldMk cId="4197211604" sldId="466"/>
            <ac:cxnSpMk id="16" creationId="{19A6B989-259E-7861-98C8-103E880B47A5}"/>
          </ac:cxnSpMkLst>
        </pc:cxnChg>
        <pc:cxnChg chg="add mod">
          <ac:chgData name="Neunzig, Mathis" userId="94a0c205-b3bb-48c8-85e9-b8dffcb81cc7" providerId="ADAL" clId="{1ECEF91A-4C22-FB46-A090-6D4C402057D2}" dt="2022-07-25T13:25:02.718" v="4201"/>
          <ac:cxnSpMkLst>
            <pc:docMk/>
            <pc:sldMk cId="4197211604" sldId="466"/>
            <ac:cxnSpMk id="17" creationId="{15BADC8B-4165-6131-E032-0B03120E7CEE}"/>
          </ac:cxnSpMkLst>
        </pc:cxnChg>
        <pc:cxnChg chg="add mod">
          <ac:chgData name="Neunzig, Mathis" userId="94a0c205-b3bb-48c8-85e9-b8dffcb81cc7" providerId="ADAL" clId="{1ECEF91A-4C22-FB46-A090-6D4C402057D2}" dt="2022-07-25T13:25:02.718" v="4201"/>
          <ac:cxnSpMkLst>
            <pc:docMk/>
            <pc:sldMk cId="4197211604" sldId="466"/>
            <ac:cxnSpMk id="18" creationId="{161FBA3A-7AE3-0B70-900F-07155D7E6EB3}"/>
          </ac:cxnSpMkLst>
        </pc:cxnChg>
        <pc:cxnChg chg="add mod">
          <ac:chgData name="Neunzig, Mathis" userId="94a0c205-b3bb-48c8-85e9-b8dffcb81cc7" providerId="ADAL" clId="{1ECEF91A-4C22-FB46-A090-6D4C402057D2}" dt="2022-07-25T13:25:02.718" v="4201"/>
          <ac:cxnSpMkLst>
            <pc:docMk/>
            <pc:sldMk cId="4197211604" sldId="466"/>
            <ac:cxnSpMk id="19" creationId="{7EB09ABB-88EC-FD0E-5401-12CBBDC54A91}"/>
          </ac:cxnSpMkLst>
        </pc:cxnChg>
        <pc:cxnChg chg="add mod">
          <ac:chgData name="Neunzig, Mathis" userId="94a0c205-b3bb-48c8-85e9-b8dffcb81cc7" providerId="ADAL" clId="{1ECEF91A-4C22-FB46-A090-6D4C402057D2}" dt="2022-07-25T13:25:02.718" v="4201"/>
          <ac:cxnSpMkLst>
            <pc:docMk/>
            <pc:sldMk cId="4197211604" sldId="466"/>
            <ac:cxnSpMk id="20" creationId="{31B32645-7591-3994-23E5-81C037F75143}"/>
          </ac:cxnSpMkLst>
        </pc:cxn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503399342" sldId="467"/>
        </pc:sldMkLst>
        <pc:spChg chg="mod">
          <ac:chgData name="Neunzig, Mathis" userId="94a0c205-b3bb-48c8-85e9-b8dffcb81cc7" providerId="ADAL" clId="{1ECEF91A-4C22-FB46-A090-6D4C402057D2}" dt="2022-07-25T12:20:27.827" v="1916"/>
          <ac:spMkLst>
            <pc:docMk/>
            <pc:sldMk cId="503399342" sldId="467"/>
            <ac:spMk id="3" creationId="{40BCD606-21BB-788C-F180-86D872831B0D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661263247" sldId="468"/>
        </pc:sldMkLst>
        <pc:spChg chg="mod">
          <ac:chgData name="Neunzig, Mathis" userId="94a0c205-b3bb-48c8-85e9-b8dffcb81cc7" providerId="ADAL" clId="{1ECEF91A-4C22-FB46-A090-6D4C402057D2}" dt="2022-07-25T12:20:26.111" v="1915"/>
          <ac:spMkLst>
            <pc:docMk/>
            <pc:sldMk cId="661263247" sldId="468"/>
            <ac:spMk id="3" creationId="{40BCD606-21BB-788C-F180-86D872831B0D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155948098" sldId="469"/>
        </pc:sldMkLst>
        <pc:spChg chg="mod">
          <ac:chgData name="Neunzig, Mathis" userId="94a0c205-b3bb-48c8-85e9-b8dffcb81cc7" providerId="ADAL" clId="{1ECEF91A-4C22-FB46-A090-6D4C402057D2}" dt="2022-07-25T12:20:22.906" v="1914"/>
          <ac:spMkLst>
            <pc:docMk/>
            <pc:sldMk cId="1155948098" sldId="469"/>
            <ac:spMk id="3" creationId="{40BCD606-21BB-788C-F180-86D872831B0D}"/>
          </ac:spMkLst>
        </pc:spChg>
      </pc:sldChg>
      <pc:sldChg chg="modSp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160206267" sldId="470"/>
        </pc:sldMkLst>
        <pc:spChg chg="mod">
          <ac:chgData name="Neunzig, Mathis" userId="94a0c205-b3bb-48c8-85e9-b8dffcb81cc7" providerId="ADAL" clId="{1ECEF91A-4C22-FB46-A090-6D4C402057D2}" dt="2022-07-13T11:37:48.582" v="680" actId="20577"/>
          <ac:spMkLst>
            <pc:docMk/>
            <pc:sldMk cId="1160206267" sldId="470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20:12.860" v="1911"/>
          <ac:spMkLst>
            <pc:docMk/>
            <pc:sldMk cId="1160206267" sldId="470"/>
            <ac:spMk id="3" creationId="{40BCD606-21BB-788C-F180-86D872831B0D}"/>
          </ac:spMkLst>
        </pc:spChg>
        <pc:spChg chg="mod">
          <ac:chgData name="Neunzig, Mathis" userId="94a0c205-b3bb-48c8-85e9-b8dffcb81cc7" providerId="ADAL" clId="{1ECEF91A-4C22-FB46-A090-6D4C402057D2}" dt="2022-07-13T11:37:23.323" v="648" actId="20577"/>
          <ac:spMkLst>
            <pc:docMk/>
            <pc:sldMk cId="1160206267" sldId="470"/>
            <ac:spMk id="4" creationId="{43698145-0F68-D603-2C81-35F23574DA7A}"/>
          </ac:spMkLst>
        </pc:spChg>
      </pc:sldChg>
      <pc:sldChg chg="modSp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822200357" sldId="471"/>
        </pc:sldMkLst>
        <pc:spChg chg="mod">
          <ac:chgData name="Neunzig, Mathis" userId="94a0c205-b3bb-48c8-85e9-b8dffcb81cc7" providerId="ADAL" clId="{1ECEF91A-4C22-FB46-A090-6D4C402057D2}" dt="2022-07-25T12:20:19.399" v="1913"/>
          <ac:spMkLst>
            <pc:docMk/>
            <pc:sldMk cId="3822200357" sldId="471"/>
            <ac:spMk id="3" creationId="{40BCD606-21BB-788C-F180-86D872831B0D}"/>
          </ac:spMkLst>
        </pc:sp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047743687" sldId="472"/>
        </pc:sldMkLst>
        <pc:picChg chg="add mod">
          <ac:chgData name="Neunzig, Mathis" userId="94a0c205-b3bb-48c8-85e9-b8dffcb81cc7" providerId="ADAL" clId="{1ECEF91A-4C22-FB46-A090-6D4C402057D2}" dt="2022-07-07T09:36:03.936" v="561"/>
          <ac:picMkLst>
            <pc:docMk/>
            <pc:sldMk cId="3047743687" sldId="472"/>
            <ac:picMk id="4" creationId="{8131ABB9-AEA4-722D-8E4A-22ACF477B21B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713389173" sldId="473"/>
        </pc:sldMkLst>
        <pc:picChg chg="add mod">
          <ac:chgData name="Neunzig, Mathis" userId="94a0c205-b3bb-48c8-85e9-b8dffcb81cc7" providerId="ADAL" clId="{1ECEF91A-4C22-FB46-A090-6D4C402057D2}" dt="2022-07-07T09:37:53.644" v="563"/>
          <ac:picMkLst>
            <pc:docMk/>
            <pc:sldMk cId="3713389173" sldId="473"/>
            <ac:picMk id="2" creationId="{4A01FD6F-6B92-5F5D-187B-D74CF38D6A9D}"/>
          </ac:picMkLst>
        </pc:picChg>
      </pc:sldChg>
      <pc:sldChg chg="addSp delSp modSp add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546682206" sldId="474"/>
        </pc:sldMkLst>
        <pc:picChg chg="del">
          <ac:chgData name="Neunzig, Mathis" userId="94a0c205-b3bb-48c8-85e9-b8dffcb81cc7" providerId="ADAL" clId="{1ECEF91A-4C22-FB46-A090-6D4C402057D2}" dt="2022-07-07T09:37:57.928" v="565" actId="478"/>
          <ac:picMkLst>
            <pc:docMk/>
            <pc:sldMk cId="3546682206" sldId="474"/>
            <ac:picMk id="2" creationId="{4A01FD6F-6B92-5F5D-187B-D74CF38D6A9D}"/>
          </ac:picMkLst>
        </pc:picChg>
        <pc:picChg chg="add mod">
          <ac:chgData name="Neunzig, Mathis" userId="94a0c205-b3bb-48c8-85e9-b8dffcb81cc7" providerId="ADAL" clId="{1ECEF91A-4C22-FB46-A090-6D4C402057D2}" dt="2022-07-07T09:38:15.638" v="566"/>
          <ac:picMkLst>
            <pc:docMk/>
            <pc:sldMk cId="3546682206" sldId="474"/>
            <ac:picMk id="3" creationId="{40D22C77-B0BC-FE37-9D09-8E15C21B22FE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805525154" sldId="475"/>
        </pc:sldMkLst>
        <pc:picChg chg="add mod">
          <ac:chgData name="Neunzig, Mathis" userId="94a0c205-b3bb-48c8-85e9-b8dffcb81cc7" providerId="ADAL" clId="{1ECEF91A-4C22-FB46-A090-6D4C402057D2}" dt="2022-07-13T11:29:47.927" v="618"/>
          <ac:picMkLst>
            <pc:docMk/>
            <pc:sldMk cId="3805525154" sldId="475"/>
            <ac:picMk id="2" creationId="{30460DE2-836D-B7B1-CDC7-58846FA026CE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173939314" sldId="476"/>
        </pc:sldMkLst>
        <pc:picChg chg="add mod">
          <ac:chgData name="Neunzig, Mathis" userId="94a0c205-b3bb-48c8-85e9-b8dffcb81cc7" providerId="ADAL" clId="{1ECEF91A-4C22-FB46-A090-6D4C402057D2}" dt="2022-07-13T11:22:44.391" v="569"/>
          <ac:picMkLst>
            <pc:docMk/>
            <pc:sldMk cId="1173939314" sldId="476"/>
            <ac:picMk id="2" creationId="{2BB4D057-4B0B-6E3D-A7AC-5CDF3C5A9561}"/>
          </ac:picMkLst>
        </pc:picChg>
      </pc:sldChg>
      <pc:sldChg chg="ad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467931534" sldId="477"/>
        </pc:sldMkLst>
        <pc:picChg chg="add">
          <ac:chgData name="Neunzig, Mathis" userId="94a0c205-b3bb-48c8-85e9-b8dffcb81cc7" providerId="ADAL" clId="{1ECEF91A-4C22-FB46-A090-6D4C402057D2}" dt="2022-07-13T11:23:08.962" v="571"/>
          <ac:picMkLst>
            <pc:docMk/>
            <pc:sldMk cId="2467931534" sldId="477"/>
            <ac:picMk id="2" creationId="{B449C0B1-49EF-2D4E-4E62-43FD3CB45769}"/>
          </ac:picMkLst>
        </pc:picChg>
      </pc:sldChg>
      <pc:sldChg chg="addSp modSp new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647325403" sldId="478"/>
        </pc:sldMkLst>
        <pc:picChg chg="add mod">
          <ac:chgData name="Neunzig, Mathis" userId="94a0c205-b3bb-48c8-85e9-b8dffcb81cc7" providerId="ADAL" clId="{1ECEF91A-4C22-FB46-A090-6D4C402057D2}" dt="2022-07-13T11:24:05.158" v="576" actId="14100"/>
          <ac:picMkLst>
            <pc:docMk/>
            <pc:sldMk cId="2647325403" sldId="478"/>
            <ac:picMk id="2" creationId="{E2400A68-BA91-1BA6-9BE2-3D088195F5AC}"/>
          </ac:picMkLst>
        </pc:picChg>
      </pc:sldChg>
      <pc:sldChg chg="addSp modSp new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999562015" sldId="479"/>
        </pc:sldMkLst>
        <pc:picChg chg="add mod">
          <ac:chgData name="Neunzig, Mathis" userId="94a0c205-b3bb-48c8-85e9-b8dffcb81cc7" providerId="ADAL" clId="{1ECEF91A-4C22-FB46-A090-6D4C402057D2}" dt="2022-07-13T11:25:08.494" v="581" actId="14100"/>
          <ac:picMkLst>
            <pc:docMk/>
            <pc:sldMk cId="999562015" sldId="479"/>
            <ac:picMk id="2" creationId="{52D14132-9F0A-98FB-10AF-674DEC47C2BA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925362900" sldId="480"/>
        </pc:sldMkLst>
        <pc:picChg chg="add mod">
          <ac:chgData name="Neunzig, Mathis" userId="94a0c205-b3bb-48c8-85e9-b8dffcb81cc7" providerId="ADAL" clId="{1ECEF91A-4C22-FB46-A090-6D4C402057D2}" dt="2022-07-13T11:30:07.058" v="619"/>
          <ac:picMkLst>
            <pc:docMk/>
            <pc:sldMk cId="3925362900" sldId="480"/>
            <ac:picMk id="2" creationId="{65D59D29-066A-97D6-8CB9-01E29B4DEF8A}"/>
          </ac:picMkLst>
        </pc:picChg>
      </pc:sldChg>
      <pc:sldChg chg="addSp modSp new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154875345" sldId="481"/>
        </pc:sldMkLst>
        <pc:picChg chg="add mod">
          <ac:chgData name="Neunzig, Mathis" userId="94a0c205-b3bb-48c8-85e9-b8dffcb81cc7" providerId="ADAL" clId="{1ECEF91A-4C22-FB46-A090-6D4C402057D2}" dt="2022-07-13T11:25:48.659" v="588" actId="14100"/>
          <ac:picMkLst>
            <pc:docMk/>
            <pc:sldMk cId="4154875345" sldId="481"/>
            <ac:picMk id="2" creationId="{A4C8A456-B86D-117F-D0AD-6F0C714BCD5A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116754124" sldId="482"/>
        </pc:sldMkLst>
        <pc:picChg chg="add mod">
          <ac:chgData name="Neunzig, Mathis" userId="94a0c205-b3bb-48c8-85e9-b8dffcb81cc7" providerId="ADAL" clId="{1ECEF91A-4C22-FB46-A090-6D4C402057D2}" dt="2022-07-13T11:30:20.086" v="620"/>
          <ac:picMkLst>
            <pc:docMk/>
            <pc:sldMk cId="3116754124" sldId="482"/>
            <ac:picMk id="2" creationId="{473D2E81-BAAB-0E1F-49DC-E9CAAC50AAF9}"/>
          </ac:picMkLst>
        </pc:picChg>
      </pc:sldChg>
      <pc:sldChg chg="ad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281882625" sldId="483"/>
        </pc:sldMkLst>
        <pc:picChg chg="add">
          <ac:chgData name="Neunzig, Mathis" userId="94a0c205-b3bb-48c8-85e9-b8dffcb81cc7" providerId="ADAL" clId="{1ECEF91A-4C22-FB46-A090-6D4C402057D2}" dt="2022-07-13T11:26:11.287" v="591"/>
          <ac:picMkLst>
            <pc:docMk/>
            <pc:sldMk cId="4281882625" sldId="483"/>
            <ac:picMk id="2" creationId="{BDA3ADB2-846B-7F93-501E-95BD4F1716E6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50155447" sldId="484"/>
        </pc:sldMkLst>
        <pc:picChg chg="add mod">
          <ac:chgData name="Neunzig, Mathis" userId="94a0c205-b3bb-48c8-85e9-b8dffcb81cc7" providerId="ADAL" clId="{1ECEF91A-4C22-FB46-A090-6D4C402057D2}" dt="2022-07-13T11:30:46.049" v="621"/>
          <ac:picMkLst>
            <pc:docMk/>
            <pc:sldMk cId="450155447" sldId="484"/>
            <ac:picMk id="2" creationId="{34A14737-EDC0-6D68-023D-947050B95F61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35938886" sldId="485"/>
        </pc:sldMkLst>
        <pc:picChg chg="add mod">
          <ac:chgData name="Neunzig, Mathis" userId="94a0c205-b3bb-48c8-85e9-b8dffcb81cc7" providerId="ADAL" clId="{1ECEF91A-4C22-FB46-A090-6D4C402057D2}" dt="2022-07-13T11:26:27.996" v="594"/>
          <ac:picMkLst>
            <pc:docMk/>
            <pc:sldMk cId="135938886" sldId="485"/>
            <ac:picMk id="2" creationId="{D23AA2B2-28ED-EB65-8197-D0BBF2B710A1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232301316" sldId="486"/>
        </pc:sldMkLst>
        <pc:picChg chg="add mod">
          <ac:chgData name="Neunzig, Mathis" userId="94a0c205-b3bb-48c8-85e9-b8dffcb81cc7" providerId="ADAL" clId="{1ECEF91A-4C22-FB46-A090-6D4C402057D2}" dt="2022-07-13T11:30:58.841" v="622"/>
          <ac:picMkLst>
            <pc:docMk/>
            <pc:sldMk cId="2232301316" sldId="486"/>
            <ac:picMk id="2" creationId="{5014B729-C12F-F1A8-DA80-CECED8DC21D2}"/>
          </ac:picMkLst>
        </pc:picChg>
      </pc:sldChg>
      <pc:sldChg chg="addSp modSp new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474913079" sldId="487"/>
        </pc:sldMkLst>
        <pc:picChg chg="add mod">
          <ac:chgData name="Neunzig, Mathis" userId="94a0c205-b3bb-48c8-85e9-b8dffcb81cc7" providerId="ADAL" clId="{1ECEF91A-4C22-FB46-A090-6D4C402057D2}" dt="2022-07-13T11:26:52.910" v="599" actId="14100"/>
          <ac:picMkLst>
            <pc:docMk/>
            <pc:sldMk cId="3474913079" sldId="487"/>
            <ac:picMk id="2" creationId="{4E275DEC-2FB4-1420-6D2A-D7F6C2DE9EB9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089228995" sldId="488"/>
        </pc:sldMkLst>
        <pc:picChg chg="add mod">
          <ac:chgData name="Neunzig, Mathis" userId="94a0c205-b3bb-48c8-85e9-b8dffcb81cc7" providerId="ADAL" clId="{1ECEF91A-4C22-FB46-A090-6D4C402057D2}" dt="2022-07-13T11:31:08.560" v="623"/>
          <ac:picMkLst>
            <pc:docMk/>
            <pc:sldMk cId="3089228995" sldId="488"/>
            <ac:picMk id="2" creationId="{E9F05480-FEEA-411D-7F61-38E7127B0FD4}"/>
          </ac:picMkLst>
        </pc:picChg>
      </pc:sldChg>
      <pc:sldChg chg="addSp modSp new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163598733" sldId="489"/>
        </pc:sldMkLst>
        <pc:picChg chg="add mod">
          <ac:chgData name="Neunzig, Mathis" userId="94a0c205-b3bb-48c8-85e9-b8dffcb81cc7" providerId="ADAL" clId="{1ECEF91A-4C22-FB46-A090-6D4C402057D2}" dt="2022-07-13T11:27:48.626" v="604" actId="14100"/>
          <ac:picMkLst>
            <pc:docMk/>
            <pc:sldMk cId="1163598733" sldId="489"/>
            <ac:picMk id="2" creationId="{D9D55A14-30C8-0838-FA06-48B96901C62C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811658493" sldId="490"/>
        </pc:sldMkLst>
        <pc:picChg chg="add mod">
          <ac:chgData name="Neunzig, Mathis" userId="94a0c205-b3bb-48c8-85e9-b8dffcb81cc7" providerId="ADAL" clId="{1ECEF91A-4C22-FB46-A090-6D4C402057D2}" dt="2022-07-13T11:31:20.023" v="624"/>
          <ac:picMkLst>
            <pc:docMk/>
            <pc:sldMk cId="3811658493" sldId="490"/>
            <ac:picMk id="2" creationId="{25A9BC52-7154-643D-ACA6-34E440817808}"/>
          </ac:picMkLst>
        </pc:picChg>
      </pc:sldChg>
      <pc:sldChg chg="addSp modSp new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510011335" sldId="491"/>
        </pc:sldMkLst>
        <pc:picChg chg="add mod">
          <ac:chgData name="Neunzig, Mathis" userId="94a0c205-b3bb-48c8-85e9-b8dffcb81cc7" providerId="ADAL" clId="{1ECEF91A-4C22-FB46-A090-6D4C402057D2}" dt="2022-07-13T11:28:16.961" v="609" actId="14100"/>
          <ac:picMkLst>
            <pc:docMk/>
            <pc:sldMk cId="2510011335" sldId="491"/>
            <ac:picMk id="2" creationId="{D9F21F09-1104-CD40-3562-0B50F9836693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841158003" sldId="492"/>
        </pc:sldMkLst>
        <pc:picChg chg="add mod">
          <ac:chgData name="Neunzig, Mathis" userId="94a0c205-b3bb-48c8-85e9-b8dffcb81cc7" providerId="ADAL" clId="{1ECEF91A-4C22-FB46-A090-6D4C402057D2}" dt="2022-07-13T11:31:30.410" v="625"/>
          <ac:picMkLst>
            <pc:docMk/>
            <pc:sldMk cId="2841158003" sldId="492"/>
            <ac:picMk id="2" creationId="{5DC1C2B9-6781-29A6-1EDB-C115E6F4A941}"/>
          </ac:picMkLst>
        </pc:picChg>
      </pc:sldChg>
      <pc:sldChg chg="addSp modSp new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626277807" sldId="493"/>
        </pc:sldMkLst>
        <pc:picChg chg="add mod">
          <ac:chgData name="Neunzig, Mathis" userId="94a0c205-b3bb-48c8-85e9-b8dffcb81cc7" providerId="ADAL" clId="{1ECEF91A-4C22-FB46-A090-6D4C402057D2}" dt="2022-07-13T11:28:43.277" v="614" actId="14100"/>
          <ac:picMkLst>
            <pc:docMk/>
            <pc:sldMk cId="2626277807" sldId="493"/>
            <ac:picMk id="2" creationId="{77C97F2B-4E3E-CAA6-4E91-17C5D70EEDCD}"/>
          </ac:picMkLst>
        </pc:picChg>
      </pc:sldChg>
      <pc:sldChg chg="addSp modSp new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32657109" sldId="494"/>
        </pc:sldMkLst>
        <pc:picChg chg="add mod">
          <ac:chgData name="Neunzig, Mathis" userId="94a0c205-b3bb-48c8-85e9-b8dffcb81cc7" providerId="ADAL" clId="{1ECEF91A-4C22-FB46-A090-6D4C402057D2}" dt="2022-07-13T11:31:56.091" v="626"/>
          <ac:picMkLst>
            <pc:docMk/>
            <pc:sldMk cId="132657109" sldId="494"/>
            <ac:picMk id="2" creationId="{4054650A-9B32-3A0E-4EC6-37873D28C4B4}"/>
          </ac:picMkLst>
        </pc:picChg>
      </pc:sldChg>
      <pc:sldChg chg="addSp modSp new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865222399" sldId="495"/>
        </pc:sldMkLst>
        <pc:spChg chg="add mod">
          <ac:chgData name="Neunzig, Mathis" userId="94a0c205-b3bb-48c8-85e9-b8dffcb81cc7" providerId="ADAL" clId="{1ECEF91A-4C22-FB46-A090-6D4C402057D2}" dt="2022-07-18T12:50:46.002" v="1018" actId="1076"/>
          <ac:spMkLst>
            <pc:docMk/>
            <pc:sldMk cId="2865222399" sldId="495"/>
            <ac:spMk id="3" creationId="{EE2EFA07-3D62-3763-7B01-6622F131DFB2}"/>
          </ac:spMkLst>
        </pc:spChg>
        <pc:picChg chg="add mod">
          <ac:chgData name="Neunzig, Mathis" userId="94a0c205-b3bb-48c8-85e9-b8dffcb81cc7" providerId="ADAL" clId="{1ECEF91A-4C22-FB46-A090-6D4C402057D2}" dt="2022-07-13T11:29:13.498" v="617"/>
          <ac:picMkLst>
            <pc:docMk/>
            <pc:sldMk cId="2865222399" sldId="495"/>
            <ac:picMk id="2" creationId="{F86C897D-85AB-4496-A5D9-49057BC3DF48}"/>
          </ac:picMkLst>
        </pc:picChg>
      </pc:sldChg>
      <pc:sldChg chg="modSp add mod ord modTransition">
        <pc:chgData name="Neunzig, Mathis" userId="94a0c205-b3bb-48c8-85e9-b8dffcb81cc7" providerId="ADAL" clId="{1ECEF91A-4C22-FB46-A090-6D4C402057D2}" dt="2022-07-25T14:14:22.201" v="4589" actId="20577"/>
        <pc:sldMkLst>
          <pc:docMk/>
          <pc:sldMk cId="1801596608" sldId="496"/>
        </pc:sldMkLst>
        <pc:spChg chg="mod">
          <ac:chgData name="Neunzig, Mathis" userId="94a0c205-b3bb-48c8-85e9-b8dffcb81cc7" providerId="ADAL" clId="{1ECEF91A-4C22-FB46-A090-6D4C402057D2}" dt="2022-07-25T14:14:22.201" v="4589" actId="20577"/>
          <ac:spMkLst>
            <pc:docMk/>
            <pc:sldMk cId="1801596608" sldId="496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20:15.921" v="1912"/>
          <ac:spMkLst>
            <pc:docMk/>
            <pc:sldMk cId="1801596608" sldId="496"/>
            <ac:spMk id="3" creationId="{40BCD606-21BB-788C-F180-86D872831B0D}"/>
          </ac:spMkLst>
        </pc:spChg>
        <pc:spChg chg="mod">
          <ac:chgData name="Neunzig, Mathis" userId="94a0c205-b3bb-48c8-85e9-b8dffcb81cc7" providerId="ADAL" clId="{1ECEF91A-4C22-FB46-A090-6D4C402057D2}" dt="2022-07-13T11:37:14.974" v="636" actId="20577"/>
          <ac:spMkLst>
            <pc:docMk/>
            <pc:sldMk cId="1801596608" sldId="496"/>
            <ac:spMk id="4" creationId="{43698145-0F68-D603-2C81-35F23574DA7A}"/>
          </ac:spMkLst>
        </pc:spChg>
      </pc:sldChg>
      <pc:sldChg chg="modSp add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511233147" sldId="497"/>
        </pc:sldMkLst>
        <pc:spChg chg="mod">
          <ac:chgData name="Neunzig, Mathis" userId="94a0c205-b3bb-48c8-85e9-b8dffcb81cc7" providerId="ADAL" clId="{1ECEF91A-4C22-FB46-A090-6D4C402057D2}" dt="2022-07-25T12:21:18.733" v="1936" actId="20577"/>
          <ac:spMkLst>
            <pc:docMk/>
            <pc:sldMk cId="3511233147" sldId="497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20:03.523" v="1909" actId="20577"/>
          <ac:spMkLst>
            <pc:docMk/>
            <pc:sldMk cId="3511233147" sldId="497"/>
            <ac:spMk id="3" creationId="{40BCD606-21BB-788C-F180-86D872831B0D}"/>
          </ac:spMkLst>
        </pc:spChg>
        <pc:spChg chg="mod">
          <ac:chgData name="Neunzig, Mathis" userId="94a0c205-b3bb-48c8-85e9-b8dffcb81cc7" providerId="ADAL" clId="{1ECEF91A-4C22-FB46-A090-6D4C402057D2}" dt="2022-07-13T11:38:15.936" v="689" actId="20577"/>
          <ac:spMkLst>
            <pc:docMk/>
            <pc:sldMk cId="3511233147" sldId="497"/>
            <ac:spMk id="4" creationId="{43698145-0F68-D603-2C81-35F23574DA7A}"/>
          </ac:spMkLst>
        </pc:spChg>
      </pc:sldChg>
      <pc:sldChg chg="addSp delSp modSp add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169535883" sldId="498"/>
        </pc:sldMkLst>
        <pc:spChg chg="mod">
          <ac:chgData name="Neunzig, Mathis" userId="94a0c205-b3bb-48c8-85e9-b8dffcb81cc7" providerId="ADAL" clId="{1ECEF91A-4C22-FB46-A090-6D4C402057D2}" dt="2022-07-25T12:13:48.847" v="1457" actId="20577"/>
          <ac:spMkLst>
            <pc:docMk/>
            <pc:sldMk cId="1169535883" sldId="498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10:04.406" v="1037" actId="20577"/>
          <ac:spMkLst>
            <pc:docMk/>
            <pc:sldMk cId="1169535883" sldId="498"/>
            <ac:spMk id="3" creationId="{40BCD606-21BB-788C-F180-86D872831B0D}"/>
          </ac:spMkLst>
        </pc:spChg>
        <pc:spChg chg="del">
          <ac:chgData name="Neunzig, Mathis" userId="94a0c205-b3bb-48c8-85e9-b8dffcb81cc7" providerId="ADAL" clId="{1ECEF91A-4C22-FB46-A090-6D4C402057D2}" dt="2022-07-25T12:10:08.535" v="1038" actId="478"/>
          <ac:spMkLst>
            <pc:docMk/>
            <pc:sldMk cId="1169535883" sldId="498"/>
            <ac:spMk id="4" creationId="{43698145-0F68-D603-2C81-35F23574DA7A}"/>
          </ac:spMkLst>
        </pc:spChg>
        <pc:spChg chg="mod">
          <ac:chgData name="Neunzig, Mathis" userId="94a0c205-b3bb-48c8-85e9-b8dffcb81cc7" providerId="ADAL" clId="{1ECEF91A-4C22-FB46-A090-6D4C402057D2}" dt="2022-07-25T13:36:15.698" v="4419"/>
          <ac:spMkLst>
            <pc:docMk/>
            <pc:sldMk cId="1169535883" sldId="498"/>
            <ac:spMk id="6" creationId="{A1293FDE-6C81-1E47-9F43-F8933015CE8E}"/>
          </ac:spMkLst>
        </pc:spChg>
        <pc:spChg chg="mod">
          <ac:chgData name="Neunzig, Mathis" userId="94a0c205-b3bb-48c8-85e9-b8dffcb81cc7" providerId="ADAL" clId="{1ECEF91A-4C22-FB46-A090-6D4C402057D2}" dt="2022-07-25T13:36:15.698" v="4419"/>
          <ac:spMkLst>
            <pc:docMk/>
            <pc:sldMk cId="1169535883" sldId="498"/>
            <ac:spMk id="7" creationId="{E190A32E-A8A5-5949-CD68-C56A3470071B}"/>
          </ac:spMkLst>
        </pc:spChg>
        <pc:spChg chg="mod">
          <ac:chgData name="Neunzig, Mathis" userId="94a0c205-b3bb-48c8-85e9-b8dffcb81cc7" providerId="ADAL" clId="{1ECEF91A-4C22-FB46-A090-6D4C402057D2}" dt="2022-07-25T13:36:15.698" v="4419"/>
          <ac:spMkLst>
            <pc:docMk/>
            <pc:sldMk cId="1169535883" sldId="498"/>
            <ac:spMk id="8" creationId="{316B5506-391D-8DF2-4367-D12718BE530B}"/>
          </ac:spMkLst>
        </pc:spChg>
        <pc:spChg chg="mod">
          <ac:chgData name="Neunzig, Mathis" userId="94a0c205-b3bb-48c8-85e9-b8dffcb81cc7" providerId="ADAL" clId="{1ECEF91A-4C22-FB46-A090-6D4C402057D2}" dt="2022-07-25T13:36:15.698" v="4419"/>
          <ac:spMkLst>
            <pc:docMk/>
            <pc:sldMk cId="1169535883" sldId="498"/>
            <ac:spMk id="9" creationId="{79F3EC98-01B8-5096-8E4B-E8FA30DD7DA8}"/>
          </ac:spMkLst>
        </pc:spChg>
        <pc:spChg chg="mod">
          <ac:chgData name="Neunzig, Mathis" userId="94a0c205-b3bb-48c8-85e9-b8dffcb81cc7" providerId="ADAL" clId="{1ECEF91A-4C22-FB46-A090-6D4C402057D2}" dt="2022-07-25T13:36:15.698" v="4419"/>
          <ac:spMkLst>
            <pc:docMk/>
            <pc:sldMk cId="1169535883" sldId="498"/>
            <ac:spMk id="10" creationId="{E7307248-CE58-99D4-35A8-0A7144E79300}"/>
          </ac:spMkLst>
        </pc:spChg>
        <pc:spChg chg="mod">
          <ac:chgData name="Neunzig, Mathis" userId="94a0c205-b3bb-48c8-85e9-b8dffcb81cc7" providerId="ADAL" clId="{1ECEF91A-4C22-FB46-A090-6D4C402057D2}" dt="2022-07-25T13:36:15.698" v="4419"/>
          <ac:spMkLst>
            <pc:docMk/>
            <pc:sldMk cId="1169535883" sldId="498"/>
            <ac:spMk id="11" creationId="{B2B5E995-4ABD-ED2E-6B1E-9896332878C8}"/>
          </ac:spMkLst>
        </pc:spChg>
        <pc:spChg chg="mod">
          <ac:chgData name="Neunzig, Mathis" userId="94a0c205-b3bb-48c8-85e9-b8dffcb81cc7" providerId="ADAL" clId="{1ECEF91A-4C22-FB46-A090-6D4C402057D2}" dt="2022-07-25T13:36:15.698" v="4419"/>
          <ac:spMkLst>
            <pc:docMk/>
            <pc:sldMk cId="1169535883" sldId="498"/>
            <ac:spMk id="12" creationId="{A63B0C78-7283-1409-01D9-53A1289BECFC}"/>
          </ac:spMkLst>
        </pc:spChg>
        <pc:spChg chg="mod">
          <ac:chgData name="Neunzig, Mathis" userId="94a0c205-b3bb-48c8-85e9-b8dffcb81cc7" providerId="ADAL" clId="{1ECEF91A-4C22-FB46-A090-6D4C402057D2}" dt="2022-07-25T13:36:15.698" v="4419"/>
          <ac:spMkLst>
            <pc:docMk/>
            <pc:sldMk cId="1169535883" sldId="498"/>
            <ac:spMk id="13" creationId="{3D4705C3-B2AA-F194-829D-C506A803AC04}"/>
          </ac:spMkLst>
        </pc:spChg>
        <pc:grpChg chg="add mod">
          <ac:chgData name="Neunzig, Mathis" userId="94a0c205-b3bb-48c8-85e9-b8dffcb81cc7" providerId="ADAL" clId="{1ECEF91A-4C22-FB46-A090-6D4C402057D2}" dt="2022-07-25T13:36:36.209" v="4424" actId="1076"/>
          <ac:grpSpMkLst>
            <pc:docMk/>
            <pc:sldMk cId="1169535883" sldId="498"/>
            <ac:grpSpMk id="5" creationId="{0A245874-B7DD-5156-BE55-F3D2101A2ED1}"/>
          </ac:grpSpMkLst>
        </pc:grpChg>
        <pc:picChg chg="add mod">
          <ac:chgData name="Neunzig, Mathis" userId="94a0c205-b3bb-48c8-85e9-b8dffcb81cc7" providerId="ADAL" clId="{1ECEF91A-4C22-FB46-A090-6D4C402057D2}" dt="2022-07-25T13:37:33.409" v="4428" actId="1076"/>
          <ac:picMkLst>
            <pc:docMk/>
            <pc:sldMk cId="1169535883" sldId="498"/>
            <ac:picMk id="18" creationId="{BA93B3C7-FE63-3CB7-D8A9-CAC44D192EA1}"/>
          </ac:picMkLst>
        </pc:picChg>
        <pc:cxnChg chg="mod">
          <ac:chgData name="Neunzig, Mathis" userId="94a0c205-b3bb-48c8-85e9-b8dffcb81cc7" providerId="ADAL" clId="{1ECEF91A-4C22-FB46-A090-6D4C402057D2}" dt="2022-07-25T13:36:15.698" v="4419"/>
          <ac:cxnSpMkLst>
            <pc:docMk/>
            <pc:sldMk cId="1169535883" sldId="498"/>
            <ac:cxnSpMk id="14" creationId="{B5F77B92-9D02-74BC-74FA-01FF23758361}"/>
          </ac:cxnSpMkLst>
        </pc:cxnChg>
        <pc:cxnChg chg="mod">
          <ac:chgData name="Neunzig, Mathis" userId="94a0c205-b3bb-48c8-85e9-b8dffcb81cc7" providerId="ADAL" clId="{1ECEF91A-4C22-FB46-A090-6D4C402057D2}" dt="2022-07-25T13:36:15.698" v="4419"/>
          <ac:cxnSpMkLst>
            <pc:docMk/>
            <pc:sldMk cId="1169535883" sldId="498"/>
            <ac:cxnSpMk id="15" creationId="{5B9FB690-0DE6-47D9-0323-58CF76F4862C}"/>
          </ac:cxnSpMkLst>
        </pc:cxnChg>
        <pc:cxnChg chg="mod">
          <ac:chgData name="Neunzig, Mathis" userId="94a0c205-b3bb-48c8-85e9-b8dffcb81cc7" providerId="ADAL" clId="{1ECEF91A-4C22-FB46-A090-6D4C402057D2}" dt="2022-07-25T13:36:15.698" v="4419"/>
          <ac:cxnSpMkLst>
            <pc:docMk/>
            <pc:sldMk cId="1169535883" sldId="498"/>
            <ac:cxnSpMk id="16" creationId="{EAEDE21D-CC96-C6E8-7B0D-F186CD2587CA}"/>
          </ac:cxnSpMkLst>
        </pc:cxnChg>
      </pc:sldChg>
      <pc:sldChg chg="add del">
        <pc:chgData name="Neunzig, Mathis" userId="94a0c205-b3bb-48c8-85e9-b8dffcb81cc7" providerId="ADAL" clId="{1ECEF91A-4C22-FB46-A090-6D4C402057D2}" dt="2022-07-13T12:20:09.541" v="693" actId="2696"/>
        <pc:sldMkLst>
          <pc:docMk/>
          <pc:sldMk cId="2817643034" sldId="498"/>
        </pc:sldMkLst>
      </pc:sldChg>
      <pc:sldChg chg="mod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658485850" sldId="499"/>
        </pc:sldMkLst>
        <pc:spChg chg="mod">
          <ac:chgData name="Neunzig, Mathis" userId="94a0c205-b3bb-48c8-85e9-b8dffcb81cc7" providerId="ADAL" clId="{1ECEF91A-4C22-FB46-A090-6D4C402057D2}" dt="2022-07-25T12:38:24.568" v="2898" actId="404"/>
          <ac:spMkLst>
            <pc:docMk/>
            <pc:sldMk cId="2658485850" sldId="499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14:59.293" v="1514" actId="20577"/>
          <ac:spMkLst>
            <pc:docMk/>
            <pc:sldMk cId="2658485850" sldId="499"/>
            <ac:spMk id="3" creationId="{40BCD606-21BB-788C-F180-86D872831B0D}"/>
          </ac:spMkLst>
        </pc:spChg>
        <pc:spChg chg="mod">
          <ac:chgData name="Neunzig, Mathis" userId="94a0c205-b3bb-48c8-85e9-b8dffcb81cc7" providerId="ADAL" clId="{1ECEF91A-4C22-FB46-A090-6D4C402057D2}" dt="2022-07-25T12:36:11.504" v="2890" actId="20577"/>
          <ac:spMkLst>
            <pc:docMk/>
            <pc:sldMk cId="2658485850" sldId="499"/>
            <ac:spMk id="4" creationId="{43698145-0F68-D603-2C81-35F23574DA7A}"/>
          </ac:spMkLst>
        </pc:spChg>
        <pc:spChg chg="mod">
          <ac:chgData name="Neunzig, Mathis" userId="94a0c205-b3bb-48c8-85e9-b8dffcb81cc7" providerId="ADAL" clId="{1ECEF91A-4C22-FB46-A090-6D4C402057D2}" dt="2022-07-25T12:38:27.112" v="2899" actId="404"/>
          <ac:spMkLst>
            <pc:docMk/>
            <pc:sldMk cId="2658485850" sldId="499"/>
            <ac:spMk id="6" creationId="{74A62FB9-79BB-6768-FDAA-354816DEEC30}"/>
          </ac:spMkLst>
        </pc:spChg>
        <pc:spChg chg="mod">
          <ac:chgData name="Neunzig, Mathis" userId="94a0c205-b3bb-48c8-85e9-b8dffcb81cc7" providerId="ADAL" clId="{1ECEF91A-4C22-FB46-A090-6D4C402057D2}" dt="2022-07-25T12:38:29.565" v="2900" actId="404"/>
          <ac:spMkLst>
            <pc:docMk/>
            <pc:sldMk cId="2658485850" sldId="499"/>
            <ac:spMk id="7" creationId="{0C92D38E-2414-9A34-AD44-8049EA2ED682}"/>
          </ac:spMkLst>
        </pc:spChg>
      </pc:sldChg>
      <pc:sldChg chg="mod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268265405" sldId="500"/>
        </pc:sldMkLst>
        <pc:spChg chg="mod">
          <ac:chgData name="Neunzig, Mathis" userId="94a0c205-b3bb-48c8-85e9-b8dffcb81cc7" providerId="ADAL" clId="{1ECEF91A-4C22-FB46-A090-6D4C402057D2}" dt="2022-07-25T12:38:33.545" v="2901" actId="404"/>
          <ac:spMkLst>
            <pc:docMk/>
            <pc:sldMk cId="4268265405" sldId="500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14:40.327" v="1488" actId="20577"/>
          <ac:spMkLst>
            <pc:docMk/>
            <pc:sldMk cId="4268265405" sldId="500"/>
            <ac:spMk id="3" creationId="{40BCD606-21BB-788C-F180-86D872831B0D}"/>
          </ac:spMkLst>
        </pc:spChg>
        <pc:spChg chg="mod">
          <ac:chgData name="Neunzig, Mathis" userId="94a0c205-b3bb-48c8-85e9-b8dffcb81cc7" providerId="ADAL" clId="{1ECEF91A-4C22-FB46-A090-6D4C402057D2}" dt="2022-07-25T12:14:31.300" v="1476" actId="20577"/>
          <ac:spMkLst>
            <pc:docMk/>
            <pc:sldMk cId="4268265405" sldId="500"/>
            <ac:spMk id="4" creationId="{43698145-0F68-D603-2C81-35F23574DA7A}"/>
          </ac:spMkLst>
        </pc:spChg>
        <pc:spChg chg="mod">
          <ac:chgData name="Neunzig, Mathis" userId="94a0c205-b3bb-48c8-85e9-b8dffcb81cc7" providerId="ADAL" clId="{1ECEF91A-4C22-FB46-A090-6D4C402057D2}" dt="2022-07-25T12:38:35.629" v="2902" actId="404"/>
          <ac:spMkLst>
            <pc:docMk/>
            <pc:sldMk cId="4268265405" sldId="500"/>
            <ac:spMk id="6" creationId="{74A62FB9-79BB-6768-FDAA-354816DEEC30}"/>
          </ac:spMkLst>
        </pc:spChg>
      </pc:sldChg>
      <pc:sldChg chg="addSp delSp modSp add mod modTransition modClrScheme chgLayout">
        <pc:chgData name="Neunzig, Mathis" userId="94a0c205-b3bb-48c8-85e9-b8dffcb81cc7" providerId="ADAL" clId="{1ECEF91A-4C22-FB46-A090-6D4C402057D2}" dt="2022-07-25T13:38:58.599" v="4433"/>
        <pc:sldMkLst>
          <pc:docMk/>
          <pc:sldMk cId="2611381592" sldId="501"/>
        </pc:sldMkLst>
        <pc:spChg chg="add del mod ord">
          <ac:chgData name="Neunzig, Mathis" userId="94a0c205-b3bb-48c8-85e9-b8dffcb81cc7" providerId="ADAL" clId="{1ECEF91A-4C22-FB46-A090-6D4C402057D2}" dt="2022-07-25T12:42:11.902" v="3079" actId="20577"/>
          <ac:spMkLst>
            <pc:docMk/>
            <pc:sldMk cId="2611381592" sldId="501"/>
            <ac:spMk id="2" creationId="{C247197F-021B-ABF2-15BA-0869DBFD4E2C}"/>
          </ac:spMkLst>
        </pc:spChg>
        <pc:spChg chg="mod ord">
          <ac:chgData name="Neunzig, Mathis" userId="94a0c205-b3bb-48c8-85e9-b8dffcb81cc7" providerId="ADAL" clId="{1ECEF91A-4C22-FB46-A090-6D4C402057D2}" dt="2022-07-25T12:40:56.871" v="3042" actId="20577"/>
          <ac:spMkLst>
            <pc:docMk/>
            <pc:sldMk cId="2611381592" sldId="501"/>
            <ac:spMk id="3" creationId="{40BCD606-21BB-788C-F180-86D872831B0D}"/>
          </ac:spMkLst>
        </pc:spChg>
        <pc:spChg chg="del mod">
          <ac:chgData name="Neunzig, Mathis" userId="94a0c205-b3bb-48c8-85e9-b8dffcb81cc7" providerId="ADAL" clId="{1ECEF91A-4C22-FB46-A090-6D4C402057D2}" dt="2022-07-25T12:15:45.292" v="1533"/>
          <ac:spMkLst>
            <pc:docMk/>
            <pc:sldMk cId="2611381592" sldId="501"/>
            <ac:spMk id="4" creationId="{43698145-0F68-D603-2C81-35F23574DA7A}"/>
          </ac:spMkLst>
        </pc:spChg>
        <pc:spChg chg="del mod ord">
          <ac:chgData name="Neunzig, Mathis" userId="94a0c205-b3bb-48c8-85e9-b8dffcb81cc7" providerId="ADAL" clId="{1ECEF91A-4C22-FB46-A090-6D4C402057D2}" dt="2022-07-25T12:15:37.339" v="1523" actId="478"/>
          <ac:spMkLst>
            <pc:docMk/>
            <pc:sldMk cId="2611381592" sldId="501"/>
            <ac:spMk id="6" creationId="{74A62FB9-79BB-6768-FDAA-354816DEEC30}"/>
          </ac:spMkLst>
        </pc:spChg>
        <pc:picChg chg="add del">
          <ac:chgData name="Neunzig, Mathis" userId="94a0c205-b3bb-48c8-85e9-b8dffcb81cc7" providerId="ADAL" clId="{1ECEF91A-4C22-FB46-A090-6D4C402057D2}" dt="2022-07-25T12:40:42.366" v="3002" actId="478"/>
          <ac:picMkLst>
            <pc:docMk/>
            <pc:sldMk cId="2611381592" sldId="501"/>
            <ac:picMk id="5" creationId="{77A882FB-5847-F783-8B62-B82EB1B54F64}"/>
          </ac:picMkLst>
        </pc:picChg>
        <pc:picChg chg="add del mod">
          <ac:chgData name="Neunzig, Mathis" userId="94a0c205-b3bb-48c8-85e9-b8dffcb81cc7" providerId="ADAL" clId="{1ECEF91A-4C22-FB46-A090-6D4C402057D2}" dt="2022-07-25T13:28:27.439" v="4231" actId="478"/>
          <ac:picMkLst>
            <pc:docMk/>
            <pc:sldMk cId="2611381592" sldId="501"/>
            <ac:picMk id="8" creationId="{94F447D8-94E2-91A3-4B8F-40499976CDB9}"/>
          </ac:picMkLst>
        </pc:picChg>
        <pc:picChg chg="add mod">
          <ac:chgData name="Neunzig, Mathis" userId="94a0c205-b3bb-48c8-85e9-b8dffcb81cc7" providerId="ADAL" clId="{1ECEF91A-4C22-FB46-A090-6D4C402057D2}" dt="2022-07-25T13:28:42.098" v="4233" actId="1076"/>
          <ac:picMkLst>
            <pc:docMk/>
            <pc:sldMk cId="2611381592" sldId="501"/>
            <ac:picMk id="10" creationId="{D3525B5C-B96B-B785-42E1-012B78A297E6}"/>
          </ac:picMkLst>
        </pc:picChg>
      </pc:sldChg>
      <pc:sldChg chg="addSp delSp modSp add mod modTransition modClrScheme chgLayout">
        <pc:chgData name="Neunzig, Mathis" userId="94a0c205-b3bb-48c8-85e9-b8dffcb81cc7" providerId="ADAL" clId="{1ECEF91A-4C22-FB46-A090-6D4C402057D2}" dt="2022-07-25T13:38:58.599" v="4433"/>
        <pc:sldMkLst>
          <pc:docMk/>
          <pc:sldMk cId="123426882" sldId="502"/>
        </pc:sldMkLst>
        <pc:spChg chg="mod ord">
          <ac:chgData name="Neunzig, Mathis" userId="94a0c205-b3bb-48c8-85e9-b8dffcb81cc7" providerId="ADAL" clId="{1ECEF91A-4C22-FB46-A090-6D4C402057D2}" dt="2022-07-25T12:46:32.848" v="3267" actId="700"/>
          <ac:spMkLst>
            <pc:docMk/>
            <pc:sldMk cId="123426882" sldId="502"/>
            <ac:spMk id="2" creationId="{C247197F-021B-ABF2-15BA-0869DBFD4E2C}"/>
          </ac:spMkLst>
        </pc:spChg>
        <pc:spChg chg="mod ord">
          <ac:chgData name="Neunzig, Mathis" userId="94a0c205-b3bb-48c8-85e9-b8dffcb81cc7" providerId="ADAL" clId="{1ECEF91A-4C22-FB46-A090-6D4C402057D2}" dt="2022-07-25T12:49:27.593" v="3597" actId="20577"/>
          <ac:spMkLst>
            <pc:docMk/>
            <pc:sldMk cId="123426882" sldId="502"/>
            <ac:spMk id="3" creationId="{40BCD606-21BB-788C-F180-86D872831B0D}"/>
          </ac:spMkLst>
        </pc:spChg>
        <pc:spChg chg="add del mod">
          <ac:chgData name="Neunzig, Mathis" userId="94a0c205-b3bb-48c8-85e9-b8dffcb81cc7" providerId="ADAL" clId="{1ECEF91A-4C22-FB46-A090-6D4C402057D2}" dt="2022-07-25T12:46:28.217" v="3266" actId="478"/>
          <ac:spMkLst>
            <pc:docMk/>
            <pc:sldMk cId="123426882" sldId="502"/>
            <ac:spMk id="4" creationId="{DE171F9C-451C-4F12-519E-12AE65983BCE}"/>
          </ac:spMkLst>
        </pc:spChg>
        <pc:spChg chg="add mod ord">
          <ac:chgData name="Neunzig, Mathis" userId="94a0c205-b3bb-48c8-85e9-b8dffcb81cc7" providerId="ADAL" clId="{1ECEF91A-4C22-FB46-A090-6D4C402057D2}" dt="2022-07-25T12:49:19.902" v="3594" actId="20577"/>
          <ac:spMkLst>
            <pc:docMk/>
            <pc:sldMk cId="123426882" sldId="502"/>
            <ac:spMk id="5" creationId="{7162B1C2-7516-3AEB-F4CF-9632A1609616}"/>
          </ac:spMkLst>
        </pc:spChg>
      </pc:sldChg>
      <pc:sldChg chg="modSp add del mod">
        <pc:chgData name="Neunzig, Mathis" userId="94a0c205-b3bb-48c8-85e9-b8dffcb81cc7" providerId="ADAL" clId="{1ECEF91A-4C22-FB46-A090-6D4C402057D2}" dt="2022-07-25T12:49:43.466" v="3601" actId="2696"/>
        <pc:sldMkLst>
          <pc:docMk/>
          <pc:sldMk cId="2509218252" sldId="503"/>
        </pc:sldMkLst>
        <pc:spChg chg="mod">
          <ac:chgData name="Neunzig, Mathis" userId="94a0c205-b3bb-48c8-85e9-b8dffcb81cc7" providerId="ADAL" clId="{1ECEF91A-4C22-FB46-A090-6D4C402057D2}" dt="2022-07-25T12:49:38.946" v="3600" actId="20577"/>
          <ac:spMkLst>
            <pc:docMk/>
            <pc:sldMk cId="2509218252" sldId="503"/>
            <ac:spMk id="3" creationId="{40BCD606-21BB-788C-F180-86D872831B0D}"/>
          </ac:spMkLst>
        </pc:spChg>
      </pc:sldChg>
      <pc:sldChg chg="addSp modSp add del mod">
        <pc:chgData name="Neunzig, Mathis" userId="94a0c205-b3bb-48c8-85e9-b8dffcb81cc7" providerId="ADAL" clId="{1ECEF91A-4C22-FB46-A090-6D4C402057D2}" dt="2022-07-25T13:05:53.008" v="3709" actId="2696"/>
        <pc:sldMkLst>
          <pc:docMk/>
          <pc:sldMk cId="4277877717" sldId="504"/>
        </pc:sldMkLst>
        <pc:spChg chg="mod">
          <ac:chgData name="Neunzig, Mathis" userId="94a0c205-b3bb-48c8-85e9-b8dffcb81cc7" providerId="ADAL" clId="{1ECEF91A-4C22-FB46-A090-6D4C402057D2}" dt="2022-07-25T12:22:34.483" v="1981" actId="20577"/>
          <ac:spMkLst>
            <pc:docMk/>
            <pc:sldMk cId="4277877717" sldId="504"/>
            <ac:spMk id="3" creationId="{40BCD606-21BB-788C-F180-86D872831B0D}"/>
          </ac:spMkLst>
        </pc:spChg>
        <pc:spChg chg="add mod">
          <ac:chgData name="Neunzig, Mathis" userId="94a0c205-b3bb-48c8-85e9-b8dffcb81cc7" providerId="ADAL" clId="{1ECEF91A-4C22-FB46-A090-6D4C402057D2}" dt="2022-07-25T12:22:56.905" v="1995" actId="20577"/>
          <ac:spMkLst>
            <pc:docMk/>
            <pc:sldMk cId="4277877717" sldId="504"/>
            <ac:spMk id="4" creationId="{BDE8B947-71F8-B700-41F6-70F4917CD71D}"/>
          </ac:spMkLst>
        </pc:spChg>
      </pc:sldChg>
      <pc:sldChg chg="addSp delSp mod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281327140" sldId="505"/>
        </pc:sldMkLst>
        <pc:spChg chg="del">
          <ac:chgData name="Neunzig, Mathis" userId="94a0c205-b3bb-48c8-85e9-b8dffcb81cc7" providerId="ADAL" clId="{1ECEF91A-4C22-FB46-A090-6D4C402057D2}" dt="2022-07-25T13:18:31.321" v="4007" actId="478"/>
          <ac:spMkLst>
            <pc:docMk/>
            <pc:sldMk cId="3281327140" sldId="505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23:04.753" v="2007" actId="20577"/>
          <ac:spMkLst>
            <pc:docMk/>
            <pc:sldMk cId="3281327140" sldId="505"/>
            <ac:spMk id="4" creationId="{BDE8B947-71F8-B700-41F6-70F4917CD71D}"/>
          </ac:spMkLst>
        </pc:spChg>
        <pc:spChg chg="add mod">
          <ac:chgData name="Neunzig, Mathis" userId="94a0c205-b3bb-48c8-85e9-b8dffcb81cc7" providerId="ADAL" clId="{1ECEF91A-4C22-FB46-A090-6D4C402057D2}" dt="2022-07-25T13:21:23.535" v="4051" actId="1076"/>
          <ac:spMkLst>
            <pc:docMk/>
            <pc:sldMk cId="3281327140" sldId="505"/>
            <ac:spMk id="17" creationId="{85D213DB-E191-03B4-BC28-77D100424404}"/>
          </ac:spMkLst>
        </pc:spChg>
        <pc:spChg chg="add mod">
          <ac:chgData name="Neunzig, Mathis" userId="94a0c205-b3bb-48c8-85e9-b8dffcb81cc7" providerId="ADAL" clId="{1ECEF91A-4C22-FB46-A090-6D4C402057D2}" dt="2022-07-25T13:22:47.950" v="4095" actId="1076"/>
          <ac:spMkLst>
            <pc:docMk/>
            <pc:sldMk cId="3281327140" sldId="505"/>
            <ac:spMk id="30" creationId="{A539F663-E40A-F587-803A-D827A66B5687}"/>
          </ac:spMkLst>
        </pc:spChg>
        <pc:spChg chg="add mod">
          <ac:chgData name="Neunzig, Mathis" userId="94a0c205-b3bb-48c8-85e9-b8dffcb81cc7" providerId="ADAL" clId="{1ECEF91A-4C22-FB46-A090-6D4C402057D2}" dt="2022-07-25T13:23:01.701" v="4123" actId="1076"/>
          <ac:spMkLst>
            <pc:docMk/>
            <pc:sldMk cId="3281327140" sldId="505"/>
            <ac:spMk id="31" creationId="{6A9C4EDD-E9DD-8BAC-AA6F-ED852B9ED28F}"/>
          </ac:spMkLst>
        </pc:spChg>
        <pc:spChg chg="add mod">
          <ac:chgData name="Neunzig, Mathis" userId="94a0c205-b3bb-48c8-85e9-b8dffcb81cc7" providerId="ADAL" clId="{1ECEF91A-4C22-FB46-A090-6D4C402057D2}" dt="2022-07-25T13:23:32.131" v="4200" actId="1076"/>
          <ac:spMkLst>
            <pc:docMk/>
            <pc:sldMk cId="3281327140" sldId="505"/>
            <ac:spMk id="33" creationId="{44E839EE-FF77-E89D-4529-157CB1B53360}"/>
          </ac:spMkLst>
        </pc:spChg>
        <pc:picChg chg="add mod">
          <ac:chgData name="Neunzig, Mathis" userId="94a0c205-b3bb-48c8-85e9-b8dffcb81cc7" providerId="ADAL" clId="{1ECEF91A-4C22-FB46-A090-6D4C402057D2}" dt="2022-07-25T13:19:36.743" v="4028" actId="1076"/>
          <ac:picMkLst>
            <pc:docMk/>
            <pc:sldMk cId="3281327140" sldId="505"/>
            <ac:picMk id="6" creationId="{2EEB04A7-DDB8-9E47-11E8-AD2006524624}"/>
          </ac:picMkLst>
        </pc:picChg>
        <pc:picChg chg="add mod">
          <ac:chgData name="Neunzig, Mathis" userId="94a0c205-b3bb-48c8-85e9-b8dffcb81cc7" providerId="ADAL" clId="{1ECEF91A-4C22-FB46-A090-6D4C402057D2}" dt="2022-07-25T13:19:34.438" v="4027" actId="1076"/>
          <ac:picMkLst>
            <pc:docMk/>
            <pc:sldMk cId="3281327140" sldId="505"/>
            <ac:picMk id="8" creationId="{2E293222-BFA8-64BE-A2FD-C4A89B17C464}"/>
          </ac:picMkLst>
        </pc:picChg>
        <pc:picChg chg="add mod">
          <ac:chgData name="Neunzig, Mathis" userId="94a0c205-b3bb-48c8-85e9-b8dffcb81cc7" providerId="ADAL" clId="{1ECEF91A-4C22-FB46-A090-6D4C402057D2}" dt="2022-07-25T13:19:32.271" v="4026" actId="1076"/>
          <ac:picMkLst>
            <pc:docMk/>
            <pc:sldMk cId="3281327140" sldId="505"/>
            <ac:picMk id="10" creationId="{4A564857-8689-0F60-B121-E6206E16AC95}"/>
          </ac:picMkLst>
        </pc:picChg>
        <pc:picChg chg="add del mod">
          <ac:chgData name="Neunzig, Mathis" userId="94a0c205-b3bb-48c8-85e9-b8dffcb81cc7" providerId="ADAL" clId="{1ECEF91A-4C22-FB46-A090-6D4C402057D2}" dt="2022-07-25T13:20:08.317" v="4030" actId="478"/>
          <ac:picMkLst>
            <pc:docMk/>
            <pc:sldMk cId="3281327140" sldId="505"/>
            <ac:picMk id="12" creationId="{695F546F-8EE0-D5F9-B4B9-D570D2426B6D}"/>
          </ac:picMkLst>
        </pc:picChg>
        <pc:picChg chg="add mod">
          <ac:chgData name="Neunzig, Mathis" userId="94a0c205-b3bb-48c8-85e9-b8dffcb81cc7" providerId="ADAL" clId="{1ECEF91A-4C22-FB46-A090-6D4C402057D2}" dt="2022-07-25T13:20:21.419" v="4033" actId="1076"/>
          <ac:picMkLst>
            <pc:docMk/>
            <pc:sldMk cId="3281327140" sldId="505"/>
            <ac:picMk id="14" creationId="{0F2186F5-26A9-7345-0577-EA13DCB5988A}"/>
          </ac:picMkLst>
        </pc:picChg>
        <pc:picChg chg="add mod">
          <ac:chgData name="Neunzig, Mathis" userId="94a0c205-b3bb-48c8-85e9-b8dffcb81cc7" providerId="ADAL" clId="{1ECEF91A-4C22-FB46-A090-6D4C402057D2}" dt="2022-07-25T13:20:18.087" v="4032" actId="1076"/>
          <ac:picMkLst>
            <pc:docMk/>
            <pc:sldMk cId="3281327140" sldId="505"/>
            <ac:picMk id="16" creationId="{13C7312D-08BB-E22C-B678-E1BF31891588}"/>
          </ac:picMkLst>
        </pc:picChg>
        <pc:picChg chg="add mod">
          <ac:chgData name="Neunzig, Mathis" userId="94a0c205-b3bb-48c8-85e9-b8dffcb81cc7" providerId="ADAL" clId="{1ECEF91A-4C22-FB46-A090-6D4C402057D2}" dt="2022-07-25T13:21:09.036" v="4038" actId="1076"/>
          <ac:picMkLst>
            <pc:docMk/>
            <pc:sldMk cId="3281327140" sldId="505"/>
            <ac:picMk id="1026" creationId="{7FB9F996-6F1F-8F09-3F80-6DE8F6A71D80}"/>
          </ac:picMkLst>
        </pc:picChg>
        <pc:cxnChg chg="add mod">
          <ac:chgData name="Neunzig, Mathis" userId="94a0c205-b3bb-48c8-85e9-b8dffcb81cc7" providerId="ADAL" clId="{1ECEF91A-4C22-FB46-A090-6D4C402057D2}" dt="2022-07-25T13:21:51.887" v="4053" actId="1582"/>
          <ac:cxnSpMkLst>
            <pc:docMk/>
            <pc:sldMk cId="3281327140" sldId="505"/>
            <ac:cxnSpMk id="19" creationId="{9BC5B69B-4E3D-D954-3D83-DE4022AAE38A}"/>
          </ac:cxnSpMkLst>
        </pc:cxnChg>
        <pc:cxnChg chg="add mod">
          <ac:chgData name="Neunzig, Mathis" userId="94a0c205-b3bb-48c8-85e9-b8dffcb81cc7" providerId="ADAL" clId="{1ECEF91A-4C22-FB46-A090-6D4C402057D2}" dt="2022-07-25T13:22:04.670" v="4056" actId="14100"/>
          <ac:cxnSpMkLst>
            <pc:docMk/>
            <pc:sldMk cId="3281327140" sldId="505"/>
            <ac:cxnSpMk id="21" creationId="{C57CFEF7-209C-03BB-9706-725CBD67FE53}"/>
          </ac:cxnSpMkLst>
        </pc:cxnChg>
        <pc:cxnChg chg="add mod">
          <ac:chgData name="Neunzig, Mathis" userId="94a0c205-b3bb-48c8-85e9-b8dffcb81cc7" providerId="ADAL" clId="{1ECEF91A-4C22-FB46-A090-6D4C402057D2}" dt="2022-07-25T13:22:12.502" v="4059" actId="14100"/>
          <ac:cxnSpMkLst>
            <pc:docMk/>
            <pc:sldMk cId="3281327140" sldId="505"/>
            <ac:cxnSpMk id="23" creationId="{B363AD6E-563F-F3C5-621F-FC4B073AA17F}"/>
          </ac:cxnSpMkLst>
        </pc:cxnChg>
        <pc:cxnChg chg="add mod">
          <ac:chgData name="Neunzig, Mathis" userId="94a0c205-b3bb-48c8-85e9-b8dffcb81cc7" providerId="ADAL" clId="{1ECEF91A-4C22-FB46-A090-6D4C402057D2}" dt="2022-07-25T13:22:23.569" v="4062" actId="14100"/>
          <ac:cxnSpMkLst>
            <pc:docMk/>
            <pc:sldMk cId="3281327140" sldId="505"/>
            <ac:cxnSpMk id="26" creationId="{E6395B68-3EC9-42E5-AC20-3856A700A9F7}"/>
          </ac:cxnSpMkLst>
        </pc:cxnChg>
        <pc:cxnChg chg="add mod">
          <ac:chgData name="Neunzig, Mathis" userId="94a0c205-b3bb-48c8-85e9-b8dffcb81cc7" providerId="ADAL" clId="{1ECEF91A-4C22-FB46-A090-6D4C402057D2}" dt="2022-07-25T13:22:30.685" v="4065" actId="14100"/>
          <ac:cxnSpMkLst>
            <pc:docMk/>
            <pc:sldMk cId="3281327140" sldId="505"/>
            <ac:cxnSpMk id="29" creationId="{D53ABF7A-CEA8-0A48-0EF7-BA5EEF8E588D}"/>
          </ac:cxnSpMkLst>
        </pc:cxnChg>
        <pc:cxnChg chg="add del mod">
          <ac:chgData name="Neunzig, Mathis" userId="94a0c205-b3bb-48c8-85e9-b8dffcb81cc7" providerId="ADAL" clId="{1ECEF91A-4C22-FB46-A090-6D4C402057D2}" dt="2022-07-25T13:22:52.406" v="4097"/>
          <ac:cxnSpMkLst>
            <pc:docMk/>
            <pc:sldMk cId="3281327140" sldId="505"/>
            <ac:cxnSpMk id="32" creationId="{FB42361F-0ACD-A921-B899-EF5D248567F4}"/>
          </ac:cxnSpMkLst>
        </pc:cxnChg>
      </pc:sldChg>
      <pc:sldChg chg="addSp modSp add mod ord modTransition">
        <pc:chgData name="Neunzig, Mathis" userId="94a0c205-b3bb-48c8-85e9-b8dffcb81cc7" providerId="ADAL" clId="{1ECEF91A-4C22-FB46-A090-6D4C402057D2}" dt="2022-07-25T14:15:26.568" v="4628" actId="20577"/>
        <pc:sldMkLst>
          <pc:docMk/>
          <pc:sldMk cId="397772907" sldId="506"/>
        </pc:sldMkLst>
        <pc:spChg chg="mod">
          <ac:chgData name="Neunzig, Mathis" userId="94a0c205-b3bb-48c8-85e9-b8dffcb81cc7" providerId="ADAL" clId="{1ECEF91A-4C22-FB46-A090-6D4C402057D2}" dt="2022-07-25T14:14:56.226" v="4598" actId="113"/>
          <ac:spMkLst>
            <pc:docMk/>
            <pc:sldMk cId="397772907" sldId="506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23:27.168" v="2021" actId="20577"/>
          <ac:spMkLst>
            <pc:docMk/>
            <pc:sldMk cId="397772907" sldId="506"/>
            <ac:spMk id="3" creationId="{40BCD606-21BB-788C-F180-86D872831B0D}"/>
          </ac:spMkLst>
        </pc:spChg>
        <pc:spChg chg="add mod">
          <ac:chgData name="Neunzig, Mathis" userId="94a0c205-b3bb-48c8-85e9-b8dffcb81cc7" providerId="ADAL" clId="{1ECEF91A-4C22-FB46-A090-6D4C402057D2}" dt="2022-07-25T14:15:26.568" v="4628" actId="20577"/>
          <ac:spMkLst>
            <pc:docMk/>
            <pc:sldMk cId="397772907" sldId="506"/>
            <ac:spMk id="4" creationId="{35EF18EB-E5E0-A4FD-A294-C3F49AADFE15}"/>
          </ac:spMkLst>
        </pc:spChg>
      </pc:sldChg>
      <pc:sldChg chg="addSp delSp mod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568405340" sldId="507"/>
        </pc:sldMkLst>
        <pc:spChg chg="del">
          <ac:chgData name="Neunzig, Mathis" userId="94a0c205-b3bb-48c8-85e9-b8dffcb81cc7" providerId="ADAL" clId="{1ECEF91A-4C22-FB46-A090-6D4C402057D2}" dt="2022-07-25T12:33:05.706" v="2813" actId="478"/>
          <ac:spMkLst>
            <pc:docMk/>
            <pc:sldMk cId="3568405340" sldId="507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2:23:31.613" v="2030" actId="20577"/>
          <ac:spMkLst>
            <pc:docMk/>
            <pc:sldMk cId="3568405340" sldId="507"/>
            <ac:spMk id="3" creationId="{40BCD606-21BB-788C-F180-86D872831B0D}"/>
          </ac:spMkLst>
        </pc:spChg>
        <pc:spChg chg="add mod">
          <ac:chgData name="Neunzig, Mathis" userId="94a0c205-b3bb-48c8-85e9-b8dffcb81cc7" providerId="ADAL" clId="{1ECEF91A-4C22-FB46-A090-6D4C402057D2}" dt="2022-07-25T12:33:06.111" v="2814"/>
          <ac:spMkLst>
            <pc:docMk/>
            <pc:sldMk cId="3568405340" sldId="507"/>
            <ac:spMk id="4" creationId="{DFB5387A-DDEB-6741-7F40-AF1554BB62AF}"/>
          </ac:spMkLst>
        </pc:spChg>
        <pc:spChg chg="add mod">
          <ac:chgData name="Neunzig, Mathis" userId="94a0c205-b3bb-48c8-85e9-b8dffcb81cc7" providerId="ADAL" clId="{1ECEF91A-4C22-FB46-A090-6D4C402057D2}" dt="2022-07-25T12:33:06.111" v="2814"/>
          <ac:spMkLst>
            <pc:docMk/>
            <pc:sldMk cId="3568405340" sldId="507"/>
            <ac:spMk id="5" creationId="{EA93CDD3-EA76-6215-A498-155A9212EAB8}"/>
          </ac:spMkLst>
        </pc:spChg>
        <pc:spChg chg="add mod">
          <ac:chgData name="Neunzig, Mathis" userId="94a0c205-b3bb-48c8-85e9-b8dffcb81cc7" providerId="ADAL" clId="{1ECEF91A-4C22-FB46-A090-6D4C402057D2}" dt="2022-07-25T12:33:06.111" v="2814"/>
          <ac:spMkLst>
            <pc:docMk/>
            <pc:sldMk cId="3568405340" sldId="507"/>
            <ac:spMk id="6" creationId="{84377A48-3F57-D862-8C85-C2CFEEC084C1}"/>
          </ac:spMkLst>
        </pc:spChg>
      </pc:sldChg>
      <pc:sldChg chg="mod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569517669" sldId="508"/>
        </pc:sldMkLst>
        <pc:spChg chg="mod">
          <ac:chgData name="Neunzig, Mathis" userId="94a0c205-b3bb-48c8-85e9-b8dffcb81cc7" providerId="ADAL" clId="{1ECEF91A-4C22-FB46-A090-6D4C402057D2}" dt="2022-07-25T12:26:48.205" v="2178" actId="20577"/>
          <ac:spMkLst>
            <pc:docMk/>
            <pc:sldMk cId="569517669" sldId="508"/>
            <ac:spMk id="3" creationId="{40BCD606-21BB-788C-F180-86D872831B0D}"/>
          </ac:spMkLst>
        </pc:spChg>
      </pc:sldChg>
      <pc:sldChg chg="addSp delSp modSp add mod modTransition">
        <pc:chgData name="Neunzig, Mathis" userId="94a0c205-b3bb-48c8-85e9-b8dffcb81cc7" providerId="ADAL" clId="{1ECEF91A-4C22-FB46-A090-6D4C402057D2}" dt="2022-07-25T14:42:00.086" v="5035" actId="1076"/>
        <pc:sldMkLst>
          <pc:docMk/>
          <pc:sldMk cId="3220822369" sldId="509"/>
        </pc:sldMkLst>
        <pc:spChg chg="del">
          <ac:chgData name="Neunzig, Mathis" userId="94a0c205-b3bb-48c8-85e9-b8dffcb81cc7" providerId="ADAL" clId="{1ECEF91A-4C22-FB46-A090-6D4C402057D2}" dt="2022-07-25T14:27:56.358" v="4634" actId="478"/>
          <ac:spMkLst>
            <pc:docMk/>
            <pc:sldMk cId="3220822369" sldId="509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3:26:06.656" v="4227" actId="20577"/>
          <ac:spMkLst>
            <pc:docMk/>
            <pc:sldMk cId="3220822369" sldId="509"/>
            <ac:spMk id="3" creationId="{40BCD606-21BB-788C-F180-86D872831B0D}"/>
          </ac:spMkLst>
        </pc:spChg>
        <pc:spChg chg="add mod">
          <ac:chgData name="Neunzig, Mathis" userId="94a0c205-b3bb-48c8-85e9-b8dffcb81cc7" providerId="ADAL" clId="{1ECEF91A-4C22-FB46-A090-6D4C402057D2}" dt="2022-07-25T14:36:44.108" v="4871" actId="1076"/>
          <ac:spMkLst>
            <pc:docMk/>
            <pc:sldMk cId="3220822369" sldId="509"/>
            <ac:spMk id="5" creationId="{963EABDB-FD83-333C-7633-3AFAC03CE687}"/>
          </ac:spMkLst>
        </pc:spChg>
        <pc:spChg chg="add mod">
          <ac:chgData name="Neunzig, Mathis" userId="94a0c205-b3bb-48c8-85e9-b8dffcb81cc7" providerId="ADAL" clId="{1ECEF91A-4C22-FB46-A090-6D4C402057D2}" dt="2022-07-25T14:42:00.086" v="5035" actId="1076"/>
          <ac:spMkLst>
            <pc:docMk/>
            <pc:sldMk cId="3220822369" sldId="509"/>
            <ac:spMk id="6" creationId="{21147894-3159-8EC9-37A2-20403BDF28F5}"/>
          </ac:spMkLst>
        </pc:spChg>
        <pc:spChg chg="add mod">
          <ac:chgData name="Neunzig, Mathis" userId="94a0c205-b3bb-48c8-85e9-b8dffcb81cc7" providerId="ADAL" clId="{1ECEF91A-4C22-FB46-A090-6D4C402057D2}" dt="2022-07-25T14:42:00.086" v="5035" actId="1076"/>
          <ac:spMkLst>
            <pc:docMk/>
            <pc:sldMk cId="3220822369" sldId="509"/>
            <ac:spMk id="7" creationId="{225119CA-5A83-19CF-1BF0-D157886C808E}"/>
          </ac:spMkLst>
        </pc:spChg>
        <pc:spChg chg="add mod">
          <ac:chgData name="Neunzig, Mathis" userId="94a0c205-b3bb-48c8-85e9-b8dffcb81cc7" providerId="ADAL" clId="{1ECEF91A-4C22-FB46-A090-6D4C402057D2}" dt="2022-07-25T14:42:00.086" v="5035" actId="1076"/>
          <ac:spMkLst>
            <pc:docMk/>
            <pc:sldMk cId="3220822369" sldId="509"/>
            <ac:spMk id="8" creationId="{B2FF5CD4-5A89-7945-E873-6E3F98E85656}"/>
          </ac:spMkLst>
        </pc:spChg>
        <pc:spChg chg="add mod">
          <ac:chgData name="Neunzig, Mathis" userId="94a0c205-b3bb-48c8-85e9-b8dffcb81cc7" providerId="ADAL" clId="{1ECEF91A-4C22-FB46-A090-6D4C402057D2}" dt="2022-07-25T14:42:00.086" v="5035" actId="1076"/>
          <ac:spMkLst>
            <pc:docMk/>
            <pc:sldMk cId="3220822369" sldId="509"/>
            <ac:spMk id="9" creationId="{42764C70-1C46-D148-5A8B-40093718D219}"/>
          </ac:spMkLst>
        </pc:spChg>
        <pc:spChg chg="add mod">
          <ac:chgData name="Neunzig, Mathis" userId="94a0c205-b3bb-48c8-85e9-b8dffcb81cc7" providerId="ADAL" clId="{1ECEF91A-4C22-FB46-A090-6D4C402057D2}" dt="2022-07-25T14:36:44.108" v="4871" actId="1076"/>
          <ac:spMkLst>
            <pc:docMk/>
            <pc:sldMk cId="3220822369" sldId="509"/>
            <ac:spMk id="10" creationId="{419A9AC6-3516-967E-66A7-29F03E3DA49E}"/>
          </ac:spMkLst>
        </pc:spChg>
        <pc:spChg chg="add mod">
          <ac:chgData name="Neunzig, Mathis" userId="94a0c205-b3bb-48c8-85e9-b8dffcb81cc7" providerId="ADAL" clId="{1ECEF91A-4C22-FB46-A090-6D4C402057D2}" dt="2022-07-25T14:36:44.108" v="4871" actId="1076"/>
          <ac:spMkLst>
            <pc:docMk/>
            <pc:sldMk cId="3220822369" sldId="509"/>
            <ac:spMk id="11" creationId="{E7B24278-017D-2E7B-A7A1-A58BD459B9BB}"/>
          </ac:spMkLst>
        </pc:spChg>
        <pc:spChg chg="add mod">
          <ac:chgData name="Neunzig, Mathis" userId="94a0c205-b3bb-48c8-85e9-b8dffcb81cc7" providerId="ADAL" clId="{1ECEF91A-4C22-FB46-A090-6D4C402057D2}" dt="2022-07-25T14:36:44.108" v="4871" actId="1076"/>
          <ac:spMkLst>
            <pc:docMk/>
            <pc:sldMk cId="3220822369" sldId="509"/>
            <ac:spMk id="12" creationId="{EDD9B2F5-25BA-5A58-34E6-8A84A230DEB1}"/>
          </ac:spMkLst>
        </pc:spChg>
        <pc:spChg chg="add mod">
          <ac:chgData name="Neunzig, Mathis" userId="94a0c205-b3bb-48c8-85e9-b8dffcb81cc7" providerId="ADAL" clId="{1ECEF91A-4C22-FB46-A090-6D4C402057D2}" dt="2022-07-25T14:36:47.987" v="4872" actId="1076"/>
          <ac:spMkLst>
            <pc:docMk/>
            <pc:sldMk cId="3220822369" sldId="509"/>
            <ac:spMk id="13" creationId="{3BCC8D12-44C6-6F15-62B5-A81F049ABFBB}"/>
          </ac:spMkLst>
        </pc:spChg>
        <pc:spChg chg="add mod">
          <ac:chgData name="Neunzig, Mathis" userId="94a0c205-b3bb-48c8-85e9-b8dffcb81cc7" providerId="ADAL" clId="{1ECEF91A-4C22-FB46-A090-6D4C402057D2}" dt="2022-07-25T14:37:27.503" v="4878" actId="1076"/>
          <ac:spMkLst>
            <pc:docMk/>
            <pc:sldMk cId="3220822369" sldId="509"/>
            <ac:spMk id="14" creationId="{092AD0C5-15E2-9F51-65CF-1C9F4FCA39EC}"/>
          </ac:spMkLst>
        </pc:spChg>
        <pc:spChg chg="add mod">
          <ac:chgData name="Neunzig, Mathis" userId="94a0c205-b3bb-48c8-85e9-b8dffcb81cc7" providerId="ADAL" clId="{1ECEF91A-4C22-FB46-A090-6D4C402057D2}" dt="2022-07-25T14:36:44.108" v="4871" actId="1076"/>
          <ac:spMkLst>
            <pc:docMk/>
            <pc:sldMk cId="3220822369" sldId="509"/>
            <ac:spMk id="15" creationId="{F03A4E7F-03CE-3AF3-C06C-D44961CB5C0D}"/>
          </ac:spMkLst>
        </pc:spChg>
        <pc:spChg chg="add mod">
          <ac:chgData name="Neunzig, Mathis" userId="94a0c205-b3bb-48c8-85e9-b8dffcb81cc7" providerId="ADAL" clId="{1ECEF91A-4C22-FB46-A090-6D4C402057D2}" dt="2022-07-25T14:41:22.915" v="5033" actId="14100"/>
          <ac:spMkLst>
            <pc:docMk/>
            <pc:sldMk cId="3220822369" sldId="509"/>
            <ac:spMk id="46" creationId="{685802C7-2CD4-E5C4-53C2-C37AA4D4B8B9}"/>
          </ac:spMkLst>
        </pc:spChg>
        <pc:spChg chg="add">
          <ac:chgData name="Neunzig, Mathis" userId="94a0c205-b3bb-48c8-85e9-b8dffcb81cc7" providerId="ADAL" clId="{1ECEF91A-4C22-FB46-A090-6D4C402057D2}" dt="2022-07-25T14:39:22.578" v="4884" actId="11529"/>
          <ac:spMkLst>
            <pc:docMk/>
            <pc:sldMk cId="3220822369" sldId="509"/>
            <ac:spMk id="47" creationId="{9FF97E49-383B-73F5-1F8B-C535A3AA3C76}"/>
          </ac:spMkLst>
        </pc:spChg>
        <pc:spChg chg="add mod">
          <ac:chgData name="Neunzig, Mathis" userId="94a0c205-b3bb-48c8-85e9-b8dffcb81cc7" providerId="ADAL" clId="{1ECEF91A-4C22-FB46-A090-6D4C402057D2}" dt="2022-07-25T14:42:00.086" v="5035" actId="1076"/>
          <ac:spMkLst>
            <pc:docMk/>
            <pc:sldMk cId="3220822369" sldId="509"/>
            <ac:spMk id="48" creationId="{AD0DA400-CDED-5040-490F-6976EE1737AF}"/>
          </ac:spMkLst>
        </pc:spChg>
        <pc:spChg chg="add mod">
          <ac:chgData name="Neunzig, Mathis" userId="94a0c205-b3bb-48c8-85e9-b8dffcb81cc7" providerId="ADAL" clId="{1ECEF91A-4C22-FB46-A090-6D4C402057D2}" dt="2022-07-25T14:42:00.086" v="5035" actId="1076"/>
          <ac:spMkLst>
            <pc:docMk/>
            <pc:sldMk cId="3220822369" sldId="509"/>
            <ac:spMk id="49" creationId="{EC554087-A288-A326-C550-65E607D1C463}"/>
          </ac:spMkLst>
        </pc:spChg>
        <pc:spChg chg="add mod">
          <ac:chgData name="Neunzig, Mathis" userId="94a0c205-b3bb-48c8-85e9-b8dffcb81cc7" providerId="ADAL" clId="{1ECEF91A-4C22-FB46-A090-6D4C402057D2}" dt="2022-07-25T14:42:00.086" v="5035" actId="1076"/>
          <ac:spMkLst>
            <pc:docMk/>
            <pc:sldMk cId="3220822369" sldId="509"/>
            <ac:spMk id="50" creationId="{3E686575-CBE4-B666-2DD2-027A8295F7E5}"/>
          </ac:spMkLst>
        </pc:spChg>
        <pc:spChg chg="add mod">
          <ac:chgData name="Neunzig, Mathis" userId="94a0c205-b3bb-48c8-85e9-b8dffcb81cc7" providerId="ADAL" clId="{1ECEF91A-4C22-FB46-A090-6D4C402057D2}" dt="2022-07-25T14:42:00.086" v="5035" actId="1076"/>
          <ac:spMkLst>
            <pc:docMk/>
            <pc:sldMk cId="3220822369" sldId="509"/>
            <ac:spMk id="51" creationId="{B3A068BD-EBFB-4325-4389-C83F1A629FD1}"/>
          </ac:spMkLst>
        </pc:spChg>
        <pc:spChg chg="add mod">
          <ac:chgData name="Neunzig, Mathis" userId="94a0c205-b3bb-48c8-85e9-b8dffcb81cc7" providerId="ADAL" clId="{1ECEF91A-4C22-FB46-A090-6D4C402057D2}" dt="2022-07-25T14:40:57.499" v="4990" actId="20577"/>
          <ac:spMkLst>
            <pc:docMk/>
            <pc:sldMk cId="3220822369" sldId="509"/>
            <ac:spMk id="52" creationId="{7F9CE3B1-6FAD-24B0-DEEA-55C69A6447A2}"/>
          </ac:spMkLst>
        </pc:spChg>
        <pc:spChg chg="add mod">
          <ac:chgData name="Neunzig, Mathis" userId="94a0c205-b3bb-48c8-85e9-b8dffcb81cc7" providerId="ADAL" clId="{1ECEF91A-4C22-FB46-A090-6D4C402057D2}" dt="2022-07-25T14:41:26.601" v="5034" actId="1076"/>
          <ac:spMkLst>
            <pc:docMk/>
            <pc:sldMk cId="3220822369" sldId="509"/>
            <ac:spMk id="53" creationId="{EB53D51F-309D-B131-1D5F-D5B46331BE66}"/>
          </ac:spMkLst>
        </pc:spChg>
        <pc:picChg chg="add del mod">
          <ac:chgData name="Neunzig, Mathis" userId="94a0c205-b3bb-48c8-85e9-b8dffcb81cc7" providerId="ADAL" clId="{1ECEF91A-4C22-FB46-A090-6D4C402057D2}" dt="2022-07-25T14:30:42.408" v="4791" actId="478"/>
          <ac:picMkLst>
            <pc:docMk/>
            <pc:sldMk cId="3220822369" sldId="509"/>
            <ac:picMk id="4" creationId="{227DB73D-0EF8-268E-D8D1-33CD2B0FED77}"/>
          </ac:picMkLst>
        </pc:picChg>
        <pc:cxnChg chg="add mod">
          <ac:chgData name="Neunzig, Mathis" userId="94a0c205-b3bb-48c8-85e9-b8dffcb81cc7" providerId="ADAL" clId="{1ECEF91A-4C22-FB46-A090-6D4C402057D2}" dt="2022-07-25T14:36:44.108" v="4871" actId="1076"/>
          <ac:cxnSpMkLst>
            <pc:docMk/>
            <pc:sldMk cId="3220822369" sldId="509"/>
            <ac:cxnSpMk id="17" creationId="{240FCAC4-FA28-BB90-E69B-B7D88E325D10}"/>
          </ac:cxnSpMkLst>
        </pc:cxnChg>
        <pc:cxnChg chg="add mod">
          <ac:chgData name="Neunzig, Mathis" userId="94a0c205-b3bb-48c8-85e9-b8dffcb81cc7" providerId="ADAL" clId="{1ECEF91A-4C22-FB46-A090-6D4C402057D2}" dt="2022-07-25T14:36:44.108" v="4871" actId="1076"/>
          <ac:cxnSpMkLst>
            <pc:docMk/>
            <pc:sldMk cId="3220822369" sldId="509"/>
            <ac:cxnSpMk id="19" creationId="{BD095A5D-D3EC-231C-7EC2-37F0499A73DD}"/>
          </ac:cxnSpMkLst>
        </pc:cxnChg>
        <pc:cxnChg chg="add mod">
          <ac:chgData name="Neunzig, Mathis" userId="94a0c205-b3bb-48c8-85e9-b8dffcb81cc7" providerId="ADAL" clId="{1ECEF91A-4C22-FB46-A090-6D4C402057D2}" dt="2022-07-25T14:42:00.086" v="5035" actId="1076"/>
          <ac:cxnSpMkLst>
            <pc:docMk/>
            <pc:sldMk cId="3220822369" sldId="509"/>
            <ac:cxnSpMk id="21" creationId="{9A158344-782E-F5DE-FDD9-8E78262E2454}"/>
          </ac:cxnSpMkLst>
        </pc:cxnChg>
        <pc:cxnChg chg="add mod">
          <ac:chgData name="Neunzig, Mathis" userId="94a0c205-b3bb-48c8-85e9-b8dffcb81cc7" providerId="ADAL" clId="{1ECEF91A-4C22-FB46-A090-6D4C402057D2}" dt="2022-07-25T14:42:00.086" v="5035" actId="1076"/>
          <ac:cxnSpMkLst>
            <pc:docMk/>
            <pc:sldMk cId="3220822369" sldId="509"/>
            <ac:cxnSpMk id="23" creationId="{AB797758-D46A-28D5-4068-26DE9357F44F}"/>
          </ac:cxnSpMkLst>
        </pc:cxnChg>
        <pc:cxnChg chg="add mod">
          <ac:chgData name="Neunzig, Mathis" userId="94a0c205-b3bb-48c8-85e9-b8dffcb81cc7" providerId="ADAL" clId="{1ECEF91A-4C22-FB46-A090-6D4C402057D2}" dt="2022-07-25T14:42:00.086" v="5035" actId="1076"/>
          <ac:cxnSpMkLst>
            <pc:docMk/>
            <pc:sldMk cId="3220822369" sldId="509"/>
            <ac:cxnSpMk id="25" creationId="{65EFA789-D94F-6E42-47C4-770DEF17D0B8}"/>
          </ac:cxnSpMkLst>
        </pc:cxnChg>
        <pc:cxnChg chg="add mod">
          <ac:chgData name="Neunzig, Mathis" userId="94a0c205-b3bb-48c8-85e9-b8dffcb81cc7" providerId="ADAL" clId="{1ECEF91A-4C22-FB46-A090-6D4C402057D2}" dt="2022-07-25T14:42:00.086" v="5035" actId="1076"/>
          <ac:cxnSpMkLst>
            <pc:docMk/>
            <pc:sldMk cId="3220822369" sldId="509"/>
            <ac:cxnSpMk id="27" creationId="{A0713C9F-F1FA-F2E4-8AE5-349EA05F08DB}"/>
          </ac:cxnSpMkLst>
        </pc:cxnChg>
        <pc:cxnChg chg="add mod">
          <ac:chgData name="Neunzig, Mathis" userId="94a0c205-b3bb-48c8-85e9-b8dffcb81cc7" providerId="ADAL" clId="{1ECEF91A-4C22-FB46-A090-6D4C402057D2}" dt="2022-07-25T14:36:44.108" v="4871" actId="1076"/>
          <ac:cxnSpMkLst>
            <pc:docMk/>
            <pc:sldMk cId="3220822369" sldId="509"/>
            <ac:cxnSpMk id="29" creationId="{DD53BE7E-B164-D0CC-E999-869E676ACCB2}"/>
          </ac:cxnSpMkLst>
        </pc:cxnChg>
        <pc:cxnChg chg="add mod">
          <ac:chgData name="Neunzig, Mathis" userId="94a0c205-b3bb-48c8-85e9-b8dffcb81cc7" providerId="ADAL" clId="{1ECEF91A-4C22-FB46-A090-6D4C402057D2}" dt="2022-07-25T14:42:00.086" v="5035" actId="1076"/>
          <ac:cxnSpMkLst>
            <pc:docMk/>
            <pc:sldMk cId="3220822369" sldId="509"/>
            <ac:cxnSpMk id="34" creationId="{F0965235-A684-3F33-02B6-9A667BC8B7AD}"/>
          </ac:cxnSpMkLst>
        </pc:cxnChg>
        <pc:cxnChg chg="add mod">
          <ac:chgData name="Neunzig, Mathis" userId="94a0c205-b3bb-48c8-85e9-b8dffcb81cc7" providerId="ADAL" clId="{1ECEF91A-4C22-FB46-A090-6D4C402057D2}" dt="2022-07-25T14:37:27.503" v="4878" actId="1076"/>
          <ac:cxnSpMkLst>
            <pc:docMk/>
            <pc:sldMk cId="3220822369" sldId="509"/>
            <ac:cxnSpMk id="36" creationId="{9C5376ED-F070-9218-6415-EEC85A460465}"/>
          </ac:cxnSpMkLst>
        </pc:cxnChg>
        <pc:cxnChg chg="add del mod">
          <ac:chgData name="Neunzig, Mathis" userId="94a0c205-b3bb-48c8-85e9-b8dffcb81cc7" providerId="ADAL" clId="{1ECEF91A-4C22-FB46-A090-6D4C402057D2}" dt="2022-07-25T14:37:58.981" v="4880" actId="478"/>
          <ac:cxnSpMkLst>
            <pc:docMk/>
            <pc:sldMk cId="3220822369" sldId="509"/>
            <ac:cxnSpMk id="42" creationId="{309C7B1E-3D92-448C-69CA-7935010ED1AA}"/>
          </ac:cxnSpMkLst>
        </pc:cxnChg>
        <pc:cxnChg chg="add">
          <ac:chgData name="Neunzig, Mathis" userId="94a0c205-b3bb-48c8-85e9-b8dffcb81cc7" providerId="ADAL" clId="{1ECEF91A-4C22-FB46-A090-6D4C402057D2}" dt="2022-07-25T14:38:14.600" v="4881" actId="11529"/>
          <ac:cxnSpMkLst>
            <pc:docMk/>
            <pc:sldMk cId="3220822369" sldId="509"/>
            <ac:cxnSpMk id="45" creationId="{C5AACF66-1BFF-6531-78C8-BA11374B29E5}"/>
          </ac:cxnSpMkLst>
        </pc:cxnChg>
      </pc:sldChg>
      <pc:sldChg chg="addSp delSp mod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151133540" sldId="510"/>
        </pc:sldMkLst>
        <pc:spChg chg="mod">
          <ac:chgData name="Neunzig, Mathis" userId="94a0c205-b3bb-48c8-85e9-b8dffcb81cc7" providerId="ADAL" clId="{1ECEF91A-4C22-FB46-A090-6D4C402057D2}" dt="2022-07-25T13:11:42.746" v="3990" actId="20577"/>
          <ac:spMkLst>
            <pc:docMk/>
            <pc:sldMk cId="4151133540" sldId="510"/>
            <ac:spMk id="2" creationId="{C247197F-021B-ABF2-15BA-0869DBFD4E2C}"/>
          </ac:spMkLst>
        </pc:spChg>
        <pc:spChg chg="mod">
          <ac:chgData name="Neunzig, Mathis" userId="94a0c205-b3bb-48c8-85e9-b8dffcb81cc7" providerId="ADAL" clId="{1ECEF91A-4C22-FB46-A090-6D4C402057D2}" dt="2022-07-25T13:26:03.159" v="4224" actId="20577"/>
          <ac:spMkLst>
            <pc:docMk/>
            <pc:sldMk cId="4151133540" sldId="510"/>
            <ac:spMk id="3" creationId="{40BCD606-21BB-788C-F180-86D872831B0D}"/>
          </ac:spMkLst>
        </pc:spChg>
        <pc:picChg chg="add del">
          <ac:chgData name="Neunzig, Mathis" userId="94a0c205-b3bb-48c8-85e9-b8dffcb81cc7" providerId="ADAL" clId="{1ECEF91A-4C22-FB46-A090-6D4C402057D2}" dt="2022-07-25T13:08:59.050" v="3712"/>
          <ac:picMkLst>
            <pc:docMk/>
            <pc:sldMk cId="4151133540" sldId="510"/>
            <ac:picMk id="4" creationId="{89EADBDD-372E-D0C3-6BE5-4F41CBF15470}"/>
          </ac:picMkLst>
        </pc:picChg>
        <pc:picChg chg="add mod">
          <ac:chgData name="Neunzig, Mathis" userId="94a0c205-b3bb-48c8-85e9-b8dffcb81cc7" providerId="ADAL" clId="{1ECEF91A-4C22-FB46-A090-6D4C402057D2}" dt="2022-07-25T13:28:01.835" v="4229" actId="1076"/>
          <ac:picMkLst>
            <pc:docMk/>
            <pc:sldMk cId="4151133540" sldId="510"/>
            <ac:picMk id="6" creationId="{E6D9A8DE-8C54-4927-3D17-C62D1C1D40DF}"/>
          </ac:picMkLst>
        </pc:picChg>
        <pc:picChg chg="add mod">
          <ac:chgData name="Neunzig, Mathis" userId="94a0c205-b3bb-48c8-85e9-b8dffcb81cc7" providerId="ADAL" clId="{1ECEF91A-4C22-FB46-A090-6D4C402057D2}" dt="2022-07-25T13:29:08.399" v="4237" actId="1076"/>
          <ac:picMkLst>
            <pc:docMk/>
            <pc:sldMk cId="4151133540" sldId="510"/>
            <ac:picMk id="8" creationId="{217933C7-A147-9145-3F3E-A2A8E48D3C0D}"/>
          </ac:picMkLst>
        </pc:picChg>
      </pc:sldChg>
      <pc:sldChg chg="addSp modSp add mod modTransition modClrScheme chgLayout">
        <pc:chgData name="Neunzig, Mathis" userId="94a0c205-b3bb-48c8-85e9-b8dffcb81cc7" providerId="ADAL" clId="{1ECEF91A-4C22-FB46-A090-6D4C402057D2}" dt="2022-07-25T13:38:58.599" v="4433"/>
        <pc:sldMkLst>
          <pc:docMk/>
          <pc:sldMk cId="3913296881" sldId="511"/>
        </pc:sldMkLst>
        <pc:spChg chg="mod ord">
          <ac:chgData name="Neunzig, Mathis" userId="94a0c205-b3bb-48c8-85e9-b8dffcb81cc7" providerId="ADAL" clId="{1ECEF91A-4C22-FB46-A090-6D4C402057D2}" dt="2022-07-25T12:31:49.223" v="2774" actId="20577"/>
          <ac:spMkLst>
            <pc:docMk/>
            <pc:sldMk cId="3913296881" sldId="511"/>
            <ac:spMk id="2" creationId="{C247197F-021B-ABF2-15BA-0869DBFD4E2C}"/>
          </ac:spMkLst>
        </pc:spChg>
        <pc:spChg chg="mod ord">
          <ac:chgData name="Neunzig, Mathis" userId="94a0c205-b3bb-48c8-85e9-b8dffcb81cc7" providerId="ADAL" clId="{1ECEF91A-4C22-FB46-A090-6D4C402057D2}" dt="2022-07-25T12:32:01.642" v="2789" actId="20577"/>
          <ac:spMkLst>
            <pc:docMk/>
            <pc:sldMk cId="3913296881" sldId="511"/>
            <ac:spMk id="3" creationId="{40BCD606-21BB-788C-F180-86D872831B0D}"/>
          </ac:spMkLst>
        </pc:spChg>
        <pc:spChg chg="add mod ord">
          <ac:chgData name="Neunzig, Mathis" userId="94a0c205-b3bb-48c8-85e9-b8dffcb81cc7" providerId="ADAL" clId="{1ECEF91A-4C22-FB46-A090-6D4C402057D2}" dt="2022-07-25T13:29:20.582" v="4238" actId="14100"/>
          <ac:spMkLst>
            <pc:docMk/>
            <pc:sldMk cId="3913296881" sldId="511"/>
            <ac:spMk id="4" creationId="{BC8AB80E-E2C7-E012-D4BB-14D2ED7C1ADA}"/>
          </ac:spMkLst>
        </pc:spChg>
      </pc:sldChg>
      <pc:sldChg chg="modSp add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968527622" sldId="512"/>
        </pc:sldMkLst>
        <pc:spChg chg="mod">
          <ac:chgData name="Neunzig, Mathis" userId="94a0c205-b3bb-48c8-85e9-b8dffcb81cc7" providerId="ADAL" clId="{1ECEF91A-4C22-FB46-A090-6D4C402057D2}" dt="2022-07-25T13:29:58.416" v="4253" actId="20577"/>
          <ac:spMkLst>
            <pc:docMk/>
            <pc:sldMk cId="1968527622" sldId="512"/>
            <ac:spMk id="3" creationId="{40BCD606-21BB-788C-F180-86D872831B0D}"/>
          </ac:spMkLst>
        </pc:spChg>
      </pc:sldChg>
      <pc:sldChg chg="modSp add del mod">
        <pc:chgData name="Neunzig, Mathis" userId="94a0c205-b3bb-48c8-85e9-b8dffcb81cc7" providerId="ADAL" clId="{1ECEF91A-4C22-FB46-A090-6D4C402057D2}" dt="2022-07-25T12:41:06.255" v="3046" actId="2696"/>
        <pc:sldMkLst>
          <pc:docMk/>
          <pc:sldMk cId="3048334961" sldId="513"/>
        </pc:sldMkLst>
        <pc:spChg chg="mod">
          <ac:chgData name="Neunzig, Mathis" userId="94a0c205-b3bb-48c8-85e9-b8dffcb81cc7" providerId="ADAL" clId="{1ECEF91A-4C22-FB46-A090-6D4C402057D2}" dt="2022-07-25T12:41:04.858" v="3045" actId="6549"/>
          <ac:spMkLst>
            <pc:docMk/>
            <pc:sldMk cId="3048334961" sldId="513"/>
            <ac:spMk id="2" creationId="{C247197F-021B-ABF2-15BA-0869DBFD4E2C}"/>
          </ac:spMkLst>
        </pc:spChg>
      </pc:sldChg>
      <pc:sldChg chg="addSp delSp new del mod ord">
        <pc:chgData name="Neunzig, Mathis" userId="94a0c205-b3bb-48c8-85e9-b8dffcb81cc7" providerId="ADAL" clId="{1ECEF91A-4C22-FB46-A090-6D4C402057D2}" dt="2022-07-25T12:44:34.797" v="3094" actId="2696"/>
        <pc:sldMkLst>
          <pc:docMk/>
          <pc:sldMk cId="3356917547" sldId="513"/>
        </pc:sldMkLst>
        <pc:picChg chg="add del">
          <ac:chgData name="Neunzig, Mathis" userId="94a0c205-b3bb-48c8-85e9-b8dffcb81cc7" providerId="ADAL" clId="{1ECEF91A-4C22-FB46-A090-6D4C402057D2}" dt="2022-07-25T12:43:28.116" v="3086" actId="21"/>
          <ac:picMkLst>
            <pc:docMk/>
            <pc:sldMk cId="3356917547" sldId="513"/>
            <ac:picMk id="2" creationId="{9C95D170-0B51-8530-9F7C-6B3B5266AC1A}"/>
          </ac:picMkLst>
        </pc:picChg>
      </pc:sldChg>
      <pc:sldChg chg="addSp del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025631650" sldId="514"/>
        </pc:sldMkLst>
        <pc:picChg chg="del">
          <ac:chgData name="Neunzig, Mathis" userId="94a0c205-b3bb-48c8-85e9-b8dffcb81cc7" providerId="ADAL" clId="{1ECEF91A-4C22-FB46-A090-6D4C402057D2}" dt="2022-07-25T12:41:56.541" v="3050" actId="478"/>
          <ac:picMkLst>
            <pc:docMk/>
            <pc:sldMk cId="4025631650" sldId="514"/>
            <ac:picMk id="2" creationId="{9C95D170-0B51-8530-9F7C-6B3B5266AC1A}"/>
          </ac:picMkLst>
        </pc:picChg>
        <pc:picChg chg="add del">
          <ac:chgData name="Neunzig, Mathis" userId="94a0c205-b3bb-48c8-85e9-b8dffcb81cc7" providerId="ADAL" clId="{1ECEF91A-4C22-FB46-A090-6D4C402057D2}" dt="2022-07-25T12:44:20.793" v="3092" actId="478"/>
          <ac:picMkLst>
            <pc:docMk/>
            <pc:sldMk cId="4025631650" sldId="514"/>
            <ac:picMk id="3" creationId="{FE24A5F2-CE09-F643-9ADB-7FEB87D49F22}"/>
          </ac:picMkLst>
        </pc:picChg>
        <pc:picChg chg="add">
          <ac:chgData name="Neunzig, Mathis" userId="94a0c205-b3bb-48c8-85e9-b8dffcb81cc7" providerId="ADAL" clId="{1ECEF91A-4C22-FB46-A090-6D4C402057D2}" dt="2022-07-25T12:44:21.011" v="3093"/>
          <ac:picMkLst>
            <pc:docMk/>
            <pc:sldMk cId="4025631650" sldId="514"/>
            <ac:picMk id="4" creationId="{4785B292-0E2E-CB6A-4CB8-A20873F52321}"/>
          </ac:picMkLst>
        </pc:picChg>
      </pc:sldChg>
      <pc:sldChg chg="addSp modSp new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42558829" sldId="515"/>
        </pc:sldMkLst>
        <pc:picChg chg="add mod">
          <ac:chgData name="Neunzig, Mathis" userId="94a0c205-b3bb-48c8-85e9-b8dffcb81cc7" providerId="ADAL" clId="{1ECEF91A-4C22-FB46-A090-6D4C402057D2}" dt="2022-07-25T12:43:33.127" v="3089" actId="1076"/>
          <ac:picMkLst>
            <pc:docMk/>
            <pc:sldMk cId="342558829" sldId="515"/>
            <ac:picMk id="2" creationId="{039B6BCA-C059-170E-F06E-25BAF8060426}"/>
          </ac:picMkLst>
        </pc:picChg>
        <pc:picChg chg="add mod">
          <ac:chgData name="Neunzig, Mathis" userId="94a0c205-b3bb-48c8-85e9-b8dffcb81cc7" providerId="ADAL" clId="{1ECEF91A-4C22-FB46-A090-6D4C402057D2}" dt="2022-07-25T12:43:35.013" v="3090" actId="1076"/>
          <ac:picMkLst>
            <pc:docMk/>
            <pc:sldMk cId="342558829" sldId="515"/>
            <ac:picMk id="3" creationId="{FB13F547-0DF2-1D30-AF5D-1DB677553A66}"/>
          </ac:picMkLst>
        </pc:picChg>
      </pc:sldChg>
      <pc:sldChg chg="new del">
        <pc:chgData name="Neunzig, Mathis" userId="94a0c205-b3bb-48c8-85e9-b8dffcb81cc7" providerId="ADAL" clId="{1ECEF91A-4C22-FB46-A090-6D4C402057D2}" dt="2022-07-25T12:42:34.209" v="3082" actId="2696"/>
        <pc:sldMkLst>
          <pc:docMk/>
          <pc:sldMk cId="508793624" sldId="515"/>
        </pc:sldMkLst>
      </pc:sldChg>
      <pc:sldChg chg="ad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776289368" sldId="516"/>
        </pc:sldMkLst>
      </pc:sldChg>
      <pc:sldChg chg="addSp delSp modSp add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825925915" sldId="517"/>
        </pc:sldMkLst>
        <pc:spChg chg="mod">
          <ac:chgData name="Neunzig, Mathis" userId="94a0c205-b3bb-48c8-85e9-b8dffcb81cc7" providerId="ADAL" clId="{1ECEF91A-4C22-FB46-A090-6D4C402057D2}" dt="2022-07-25T12:57:18.486" v="3646" actId="20577"/>
          <ac:spMkLst>
            <pc:docMk/>
            <pc:sldMk cId="825925915" sldId="517"/>
            <ac:spMk id="2" creationId="{ECEE67D1-AA42-2DFA-DCF3-A82F83C7E4FA}"/>
          </ac:spMkLst>
        </pc:spChg>
        <pc:spChg chg="del">
          <ac:chgData name="Neunzig, Mathis" userId="94a0c205-b3bb-48c8-85e9-b8dffcb81cc7" providerId="ADAL" clId="{1ECEF91A-4C22-FB46-A090-6D4C402057D2}" dt="2022-07-25T12:54:15.821" v="3620" actId="478"/>
          <ac:spMkLst>
            <pc:docMk/>
            <pc:sldMk cId="825925915" sldId="517"/>
            <ac:spMk id="4" creationId="{B6F16CE1-8032-6B6E-7E66-EA8BF4BCCED8}"/>
          </ac:spMkLst>
        </pc:spChg>
        <pc:spChg chg="del">
          <ac:chgData name="Neunzig, Mathis" userId="94a0c205-b3bb-48c8-85e9-b8dffcb81cc7" providerId="ADAL" clId="{1ECEF91A-4C22-FB46-A090-6D4C402057D2}" dt="2022-07-25T12:54:13.358" v="3619" actId="478"/>
          <ac:spMkLst>
            <pc:docMk/>
            <pc:sldMk cId="825925915" sldId="517"/>
            <ac:spMk id="5" creationId="{DBC3357C-3268-0E13-86F9-9CC557191336}"/>
          </ac:spMkLst>
        </pc:spChg>
        <pc:picChg chg="add del">
          <ac:chgData name="Neunzig, Mathis" userId="94a0c205-b3bb-48c8-85e9-b8dffcb81cc7" providerId="ADAL" clId="{1ECEF91A-4C22-FB46-A090-6D4C402057D2}" dt="2022-07-25T12:56:40.475" v="3627" actId="478"/>
          <ac:picMkLst>
            <pc:docMk/>
            <pc:sldMk cId="825925915" sldId="517"/>
            <ac:picMk id="3" creationId="{6C948A69-1330-A082-9D80-E9ADDC1D90FA}"/>
          </ac:picMkLst>
        </pc:picChg>
        <pc:picChg chg="add mod">
          <ac:chgData name="Neunzig, Mathis" userId="94a0c205-b3bb-48c8-85e9-b8dffcb81cc7" providerId="ADAL" clId="{1ECEF91A-4C22-FB46-A090-6D4C402057D2}" dt="2022-07-25T12:57:21.770" v="3647" actId="14100"/>
          <ac:picMkLst>
            <pc:docMk/>
            <pc:sldMk cId="825925915" sldId="517"/>
            <ac:picMk id="7" creationId="{D84FEE30-073E-91CE-2343-2483AD2C72E5}"/>
          </ac:picMkLst>
        </pc:picChg>
      </pc:sldChg>
      <pc:sldChg chg="addSp delSp modSp add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4092902566" sldId="518"/>
        </pc:sldMkLst>
        <pc:spChg chg="mod">
          <ac:chgData name="Neunzig, Mathis" userId="94a0c205-b3bb-48c8-85e9-b8dffcb81cc7" providerId="ADAL" clId="{1ECEF91A-4C22-FB46-A090-6D4C402057D2}" dt="2022-07-25T12:57:39.139" v="3665" actId="20577"/>
          <ac:spMkLst>
            <pc:docMk/>
            <pc:sldMk cId="4092902566" sldId="518"/>
            <ac:spMk id="2" creationId="{ECEE67D1-AA42-2DFA-DCF3-A82F83C7E4FA}"/>
          </ac:spMkLst>
        </pc:spChg>
        <pc:picChg chg="add del mod">
          <ac:chgData name="Neunzig, Mathis" userId="94a0c205-b3bb-48c8-85e9-b8dffcb81cc7" providerId="ADAL" clId="{1ECEF91A-4C22-FB46-A090-6D4C402057D2}" dt="2022-07-25T13:01:00.638" v="3686" actId="478"/>
          <ac:picMkLst>
            <pc:docMk/>
            <pc:sldMk cId="4092902566" sldId="518"/>
            <ac:picMk id="4" creationId="{986A5DAC-9B82-6255-4F4E-2B0869C02CAB}"/>
          </ac:picMkLst>
        </pc:picChg>
        <pc:picChg chg="add mod">
          <ac:chgData name="Neunzig, Mathis" userId="94a0c205-b3bb-48c8-85e9-b8dffcb81cc7" providerId="ADAL" clId="{1ECEF91A-4C22-FB46-A090-6D4C402057D2}" dt="2022-07-25T13:01:24.486" v="3690" actId="1076"/>
          <ac:picMkLst>
            <pc:docMk/>
            <pc:sldMk cId="4092902566" sldId="518"/>
            <ac:picMk id="6" creationId="{3F881808-7DF5-426A-EBEC-0BC1DC6EE98B}"/>
          </ac:picMkLst>
        </pc:picChg>
        <pc:picChg chg="del">
          <ac:chgData name="Neunzig, Mathis" userId="94a0c205-b3bb-48c8-85e9-b8dffcb81cc7" providerId="ADAL" clId="{1ECEF91A-4C22-FB46-A090-6D4C402057D2}" dt="2022-07-25T12:58:57.973" v="3667" actId="478"/>
          <ac:picMkLst>
            <pc:docMk/>
            <pc:sldMk cId="4092902566" sldId="518"/>
            <ac:picMk id="7" creationId="{D84FEE30-073E-91CE-2343-2483AD2C72E5}"/>
          </ac:picMkLst>
        </pc:picChg>
      </pc:sldChg>
      <pc:sldChg chg="addSp delSp modSp add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794760812" sldId="519"/>
        </pc:sldMkLst>
        <pc:spChg chg="mod">
          <ac:chgData name="Neunzig, Mathis" userId="94a0c205-b3bb-48c8-85e9-b8dffcb81cc7" providerId="ADAL" clId="{1ECEF91A-4C22-FB46-A090-6D4C402057D2}" dt="2022-07-25T12:59:30.432" v="3683" actId="20577"/>
          <ac:spMkLst>
            <pc:docMk/>
            <pc:sldMk cId="794760812" sldId="519"/>
            <ac:spMk id="2" creationId="{ECEE67D1-AA42-2DFA-DCF3-A82F83C7E4FA}"/>
          </ac:spMkLst>
        </pc:spChg>
        <pc:picChg chg="add del">
          <ac:chgData name="Neunzig, Mathis" userId="94a0c205-b3bb-48c8-85e9-b8dffcb81cc7" providerId="ADAL" clId="{1ECEF91A-4C22-FB46-A090-6D4C402057D2}" dt="2022-07-25T13:00:55.050" v="3685" actId="478"/>
          <ac:picMkLst>
            <pc:docMk/>
            <pc:sldMk cId="794760812" sldId="519"/>
            <ac:picMk id="4" creationId="{986A5DAC-9B82-6255-4F4E-2B0869C02CAB}"/>
          </ac:picMkLst>
        </pc:picChg>
      </pc:sldChg>
      <pc:sldChg chg="addSp delSp modSp add mod or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799742502" sldId="520"/>
        </pc:sldMkLst>
        <pc:spChg chg="mod">
          <ac:chgData name="Neunzig, Mathis" userId="94a0c205-b3bb-48c8-85e9-b8dffcb81cc7" providerId="ADAL" clId="{1ECEF91A-4C22-FB46-A090-6D4C402057D2}" dt="2022-07-25T13:02:12.061" v="3702" actId="20577"/>
          <ac:spMkLst>
            <pc:docMk/>
            <pc:sldMk cId="1799742502" sldId="520"/>
            <ac:spMk id="2" creationId="{ECEE67D1-AA42-2DFA-DCF3-A82F83C7E4FA}"/>
          </ac:spMkLst>
        </pc:spChg>
        <pc:picChg chg="del">
          <ac:chgData name="Neunzig, Mathis" userId="94a0c205-b3bb-48c8-85e9-b8dffcb81cc7" providerId="ADAL" clId="{1ECEF91A-4C22-FB46-A090-6D4C402057D2}" dt="2022-07-25T13:02:14.046" v="3703" actId="478"/>
          <ac:picMkLst>
            <pc:docMk/>
            <pc:sldMk cId="1799742502" sldId="520"/>
            <ac:picMk id="4" creationId="{986A5DAC-9B82-6255-4F4E-2B0869C02CAB}"/>
          </ac:picMkLst>
        </pc:picChg>
        <pc:picChg chg="add del mod">
          <ac:chgData name="Neunzig, Mathis" userId="94a0c205-b3bb-48c8-85e9-b8dffcb81cc7" providerId="ADAL" clId="{1ECEF91A-4C22-FB46-A090-6D4C402057D2}" dt="2022-07-25T13:03:29.275" v="3705" actId="478"/>
          <ac:picMkLst>
            <pc:docMk/>
            <pc:sldMk cId="1799742502" sldId="520"/>
            <ac:picMk id="5" creationId="{5E1F1568-99EF-DC69-8738-6055B221C9BA}"/>
          </ac:picMkLst>
        </pc:picChg>
        <pc:picChg chg="add mod">
          <ac:chgData name="Neunzig, Mathis" userId="94a0c205-b3bb-48c8-85e9-b8dffcb81cc7" providerId="ADAL" clId="{1ECEF91A-4C22-FB46-A090-6D4C402057D2}" dt="2022-07-25T13:04:07.370" v="3708" actId="14100"/>
          <ac:picMkLst>
            <pc:docMk/>
            <pc:sldMk cId="1799742502" sldId="520"/>
            <ac:picMk id="7" creationId="{8B24C60F-8D6C-C97E-4446-F52BB256BF6D}"/>
          </ac:picMkLst>
        </pc:picChg>
      </pc:sldChg>
      <pc:sldChg chg="addSp new modTransition">
        <pc:chgData name="Neunzig, Mathis" userId="94a0c205-b3bb-48c8-85e9-b8dffcb81cc7" providerId="ADAL" clId="{1ECEF91A-4C22-FB46-A090-6D4C402057D2}" dt="2022-07-25T13:38:58.599" v="4433"/>
        <pc:sldMkLst>
          <pc:docMk/>
          <pc:sldMk cId="312185207" sldId="521"/>
        </pc:sldMkLst>
        <pc:picChg chg="add">
          <ac:chgData name="Neunzig, Mathis" userId="94a0c205-b3bb-48c8-85e9-b8dffcb81cc7" providerId="ADAL" clId="{1ECEF91A-4C22-FB46-A090-6D4C402057D2}" dt="2022-07-25T13:08:59.999" v="3713"/>
          <ac:picMkLst>
            <pc:docMk/>
            <pc:sldMk cId="312185207" sldId="521"/>
            <ac:picMk id="2" creationId="{817B9DDA-4A12-4F97-4B4A-F0C3CCC4FC34}"/>
          </ac:picMkLst>
        </pc:picChg>
      </pc:sldChg>
      <pc:sldChg chg="addSp delSp mod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139041163" sldId="522"/>
        </pc:sldMkLst>
        <pc:spChg chg="del">
          <ac:chgData name="Neunzig, Mathis" userId="94a0c205-b3bb-48c8-85e9-b8dffcb81cc7" providerId="ADAL" clId="{1ECEF91A-4C22-FB46-A090-6D4C402057D2}" dt="2022-07-25T13:11:52.513" v="3992" actId="478"/>
          <ac:spMkLst>
            <pc:docMk/>
            <pc:sldMk cId="1139041163" sldId="522"/>
            <ac:spMk id="3" creationId="{EE2EFA07-3D62-3763-7B01-6622F131DFB2}"/>
          </ac:spMkLst>
        </pc:spChg>
        <pc:picChg chg="del">
          <ac:chgData name="Neunzig, Mathis" userId="94a0c205-b3bb-48c8-85e9-b8dffcb81cc7" providerId="ADAL" clId="{1ECEF91A-4C22-FB46-A090-6D4C402057D2}" dt="2022-07-25T13:11:53.474" v="3993" actId="478"/>
          <ac:picMkLst>
            <pc:docMk/>
            <pc:sldMk cId="1139041163" sldId="522"/>
            <ac:picMk id="2" creationId="{F86C897D-85AB-4496-A5D9-49057BC3DF48}"/>
          </ac:picMkLst>
        </pc:picChg>
        <pc:picChg chg="add mod">
          <ac:chgData name="Neunzig, Mathis" userId="94a0c205-b3bb-48c8-85e9-b8dffcb81cc7" providerId="ADAL" clId="{1ECEF91A-4C22-FB46-A090-6D4C402057D2}" dt="2022-07-25T13:12:40.414" v="3994"/>
          <ac:picMkLst>
            <pc:docMk/>
            <pc:sldMk cId="1139041163" sldId="522"/>
            <ac:picMk id="4" creationId="{282DB7DA-682F-5AA9-9B1A-AE2B7E00207F}"/>
          </ac:picMkLst>
        </pc:picChg>
      </pc:sldChg>
      <pc:sldChg chg="addSp modSp new modTransition">
        <pc:chgData name="Neunzig, Mathis" userId="94a0c205-b3bb-48c8-85e9-b8dffcb81cc7" providerId="ADAL" clId="{1ECEF91A-4C22-FB46-A090-6D4C402057D2}" dt="2022-07-25T13:38:58.599" v="4433"/>
        <pc:sldMkLst>
          <pc:docMk/>
          <pc:sldMk cId="2514664699" sldId="523"/>
        </pc:sldMkLst>
        <pc:picChg chg="add mod">
          <ac:chgData name="Neunzig, Mathis" userId="94a0c205-b3bb-48c8-85e9-b8dffcb81cc7" providerId="ADAL" clId="{1ECEF91A-4C22-FB46-A090-6D4C402057D2}" dt="2022-07-25T13:14:36.777" v="4006"/>
          <ac:picMkLst>
            <pc:docMk/>
            <pc:sldMk cId="2514664699" sldId="523"/>
            <ac:picMk id="2" creationId="{BEA361ED-D66B-6013-8C11-0330D9B3F9A9}"/>
          </ac:picMkLst>
        </pc:picChg>
      </pc:sldChg>
      <pc:sldChg chg="addSp delSp modSp add mod modTransition">
        <pc:chgData name="Neunzig, Mathis" userId="94a0c205-b3bb-48c8-85e9-b8dffcb81cc7" providerId="ADAL" clId="{1ECEF91A-4C22-FB46-A090-6D4C402057D2}" dt="2022-07-25T13:38:58.599" v="4433"/>
        <pc:sldMkLst>
          <pc:docMk/>
          <pc:sldMk cId="1714824484" sldId="524"/>
        </pc:sldMkLst>
        <pc:spChg chg="add del mod">
          <ac:chgData name="Neunzig, Mathis" userId="94a0c205-b3bb-48c8-85e9-b8dffcb81cc7" providerId="ADAL" clId="{1ECEF91A-4C22-FB46-A090-6D4C402057D2}" dt="2022-07-25T13:33:16.968" v="4259"/>
          <ac:spMkLst>
            <pc:docMk/>
            <pc:sldMk cId="1714824484" sldId="524"/>
            <ac:spMk id="2" creationId="{8B7B8CB3-70DD-980E-4074-55055616392C}"/>
          </ac:spMkLst>
        </pc:spChg>
        <pc:spChg chg="mod">
          <ac:chgData name="Neunzig, Mathis" userId="94a0c205-b3bb-48c8-85e9-b8dffcb81cc7" providerId="ADAL" clId="{1ECEF91A-4C22-FB46-A090-6D4C402057D2}" dt="2022-07-25T13:33:56.646" v="4334" actId="20577"/>
          <ac:spMkLst>
            <pc:docMk/>
            <pc:sldMk cId="1714824484" sldId="524"/>
            <ac:spMk id="3" creationId="{07A71913-ACE0-F5E1-2825-FBB479F3F2ED}"/>
          </ac:spMkLst>
        </pc:spChg>
        <pc:spChg chg="add mod">
          <ac:chgData name="Neunzig, Mathis" userId="94a0c205-b3bb-48c8-85e9-b8dffcb81cc7" providerId="ADAL" clId="{1ECEF91A-4C22-FB46-A090-6D4C402057D2}" dt="2022-07-25T13:34:26.375" v="4338" actId="208"/>
          <ac:spMkLst>
            <pc:docMk/>
            <pc:sldMk cId="1714824484" sldId="524"/>
            <ac:spMk id="4" creationId="{9D4CE46E-CFCF-ACF4-226A-331AACB266F8}"/>
          </ac:spMkLst>
        </pc:spChg>
        <pc:spChg chg="add mod">
          <ac:chgData name="Neunzig, Mathis" userId="94a0c205-b3bb-48c8-85e9-b8dffcb81cc7" providerId="ADAL" clId="{1ECEF91A-4C22-FB46-A090-6D4C402057D2}" dt="2022-07-25T13:34:40.008" v="4342" actId="1076"/>
          <ac:spMkLst>
            <pc:docMk/>
            <pc:sldMk cId="1714824484" sldId="524"/>
            <ac:spMk id="8" creationId="{19EF31B3-620A-9675-4E9D-00AD211419CA}"/>
          </ac:spMkLst>
        </pc:spChg>
      </pc:sldChg>
      <pc:sldChg chg="add del ord">
        <pc:chgData name="Neunzig, Mathis" userId="94a0c205-b3bb-48c8-85e9-b8dffcb81cc7" providerId="ADAL" clId="{1ECEF91A-4C22-FB46-A090-6D4C402057D2}" dt="2022-07-25T14:27:53.058" v="4633" actId="2696"/>
        <pc:sldMkLst>
          <pc:docMk/>
          <pc:sldMk cId="22598261" sldId="525"/>
        </pc:sldMkLst>
      </pc:sldChg>
      <pc:sldChg chg="modSp add del mod">
        <pc:chgData name="Neunzig, Mathis" userId="94a0c205-b3bb-48c8-85e9-b8dffcb81cc7" providerId="ADAL" clId="{1ECEF91A-4C22-FB46-A090-6D4C402057D2}" dt="2022-07-25T13:37:58.802" v="4429" actId="2696"/>
        <pc:sldMkLst>
          <pc:docMk/>
          <pc:sldMk cId="3334961920" sldId="525"/>
        </pc:sldMkLst>
        <pc:spChg chg="mod">
          <ac:chgData name="Neunzig, Mathis" userId="94a0c205-b3bb-48c8-85e9-b8dffcb81cc7" providerId="ADAL" clId="{1ECEF91A-4C22-FB46-A090-6D4C402057D2}" dt="2022-07-25T13:36:06.535" v="4418" actId="20577"/>
          <ac:spMkLst>
            <pc:docMk/>
            <pc:sldMk cId="3334961920" sldId="525"/>
            <ac:spMk id="14" creationId="{00000000-0000-0000-0000-000000000000}"/>
          </ac:spMkLst>
        </pc:spChg>
        <pc:spChg chg="mod">
          <ac:chgData name="Neunzig, Mathis" userId="94a0c205-b3bb-48c8-85e9-b8dffcb81cc7" providerId="ADAL" clId="{1ECEF91A-4C22-FB46-A090-6D4C402057D2}" dt="2022-07-25T13:35:52.316" v="4370" actId="20577"/>
          <ac:spMkLst>
            <pc:docMk/>
            <pc:sldMk cId="3334961920" sldId="525"/>
            <ac:spMk id="17" creationId="{00000000-0000-0000-0000-000000000000}"/>
          </ac:spMkLst>
        </pc:spChg>
        <pc:spChg chg="mod">
          <ac:chgData name="Neunzig, Mathis" userId="94a0c205-b3bb-48c8-85e9-b8dffcb81cc7" providerId="ADAL" clId="{1ECEF91A-4C22-FB46-A090-6D4C402057D2}" dt="2022-07-25T13:35:44.389" v="4354" actId="20577"/>
          <ac:spMkLst>
            <pc:docMk/>
            <pc:sldMk cId="3334961920" sldId="525"/>
            <ac:spMk id="20" creationId="{00000000-0000-0000-0000-000000000000}"/>
          </ac:spMkLst>
        </pc:spChg>
      </pc:sldChg>
      <pc:sldMasterChg chg="modTransition addSldLayout modSldLayout">
        <pc:chgData name="Neunzig, Mathis" userId="94a0c205-b3bb-48c8-85e9-b8dffcb81cc7" providerId="ADAL" clId="{1ECEF91A-4C22-FB46-A090-6D4C402057D2}" dt="2022-07-25T13:38:58.599" v="4433"/>
        <pc:sldMasterMkLst>
          <pc:docMk/>
          <pc:sldMasterMk cId="1151516872" sldId="2147483788"/>
        </pc:sldMasterMkLst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617352770" sldId="2147483789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2340585188" sldId="2147483790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3874416486" sldId="2147483791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681034806" sldId="2147483792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4040028905" sldId="2147483793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2334951055" sldId="2147483794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2603454252" sldId="2147483795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3312594478" sldId="2147483796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4249255549" sldId="2147483797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4016996064" sldId="2147483798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3962727805" sldId="2147483799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307753225" sldId="2147483800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3677157543" sldId="2147483801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2628481544" sldId="2147483802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641857668" sldId="2147483803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3788601607" sldId="2147483805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3090951204" sldId="2147483806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970659641" sldId="2147483807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1322527095" sldId="2147483808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2751931875" sldId="2147483809"/>
          </pc:sldLayoutMkLst>
        </pc:sldLayoutChg>
        <pc:sldLayoutChg chg="add 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151516872" sldId="2147483788"/>
            <pc:sldLayoutMk cId="1877735641" sldId="2147483810"/>
          </pc:sldLayoutMkLst>
        </pc:sldLayoutChg>
      </pc:sldMasterChg>
      <pc:sldMasterChg chg="modTransition modSldLayout">
        <pc:chgData name="Neunzig, Mathis" userId="94a0c205-b3bb-48c8-85e9-b8dffcb81cc7" providerId="ADAL" clId="{1ECEF91A-4C22-FB46-A090-6D4C402057D2}" dt="2022-07-25T13:38:58.599" v="4433"/>
        <pc:sldMasterMkLst>
          <pc:docMk/>
          <pc:sldMasterMk cId="146139267" sldId="2147483852"/>
        </pc:sldMasterMkLst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46139267" sldId="2147483852"/>
            <pc:sldLayoutMk cId="1146731266" sldId="2147483853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46139267" sldId="2147483852"/>
            <pc:sldLayoutMk cId="1948494543" sldId="2147483854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146139267" sldId="2147483852"/>
            <pc:sldLayoutMk cId="1518323869" sldId="2147483855"/>
          </pc:sldLayoutMkLst>
        </pc:sldLayoutChg>
      </pc:sldMasterChg>
      <pc:sldMasterChg chg="modTransition modSldLayout">
        <pc:chgData name="Neunzig, Mathis" userId="94a0c205-b3bb-48c8-85e9-b8dffcb81cc7" providerId="ADAL" clId="{1ECEF91A-4C22-FB46-A090-6D4C402057D2}" dt="2022-07-25T13:38:58.599" v="4433"/>
        <pc:sldMasterMkLst>
          <pc:docMk/>
          <pc:sldMasterMk cId="4234323440" sldId="2147483856"/>
        </pc:sldMasterMkLst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1661288484" sldId="2147483857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58526455" sldId="2147483858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144180979" sldId="2147483859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2932777329" sldId="2147483860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2052908026" sldId="2147483861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1088588208" sldId="2147483862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2822886305" sldId="2147483863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1655107397" sldId="2147483864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4262882133" sldId="2147483865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3734821421" sldId="2147483866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178738697" sldId="2147483867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1157062300" sldId="2147483868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2822719363" sldId="2147483869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933410819" sldId="2147483870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2521966707" sldId="2147483871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1026820978" sldId="2147483872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3011479706" sldId="2147483874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1548432405" sldId="2147483875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2357895630" sldId="2147483876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3791516702" sldId="2147483877"/>
          </pc:sldLayoutMkLst>
        </pc:sldLayoutChg>
        <pc:sldLayoutChg chg="modTransition">
          <pc:chgData name="Neunzig, Mathis" userId="94a0c205-b3bb-48c8-85e9-b8dffcb81cc7" providerId="ADAL" clId="{1ECEF91A-4C22-FB46-A090-6D4C402057D2}" dt="2022-07-25T13:38:58.599" v="4433"/>
          <pc:sldLayoutMkLst>
            <pc:docMk/>
            <pc:sldMasterMk cId="4234323440" sldId="2147483856"/>
            <pc:sldLayoutMk cId="3722444919" sldId="2147483878"/>
          </pc:sldLayoutMkLst>
        </pc:sldLayoutChg>
      </pc:sldMasterChg>
    </pc:docChg>
  </pc:docChgLst>
  <pc:docChgLst>
    <pc:chgData name="Neunzig, Mathis" userId="94a0c205-b3bb-48c8-85e9-b8dffcb81cc7" providerId="ADAL" clId="{BED08975-0CF9-8545-BDD6-5D0D9CE6BB7F}"/>
    <pc:docChg chg="undo custSel addSld delSld modSld sldOrd modSection">
      <pc:chgData name="Neunzig, Mathis" userId="94a0c205-b3bb-48c8-85e9-b8dffcb81cc7" providerId="ADAL" clId="{BED08975-0CF9-8545-BDD6-5D0D9CE6BB7F}" dt="2022-07-27T13:14:28.935" v="1197" actId="20577"/>
      <pc:docMkLst>
        <pc:docMk/>
      </pc:docMkLst>
      <pc:sldChg chg="modSp mod">
        <pc:chgData name="Neunzig, Mathis" userId="94a0c205-b3bb-48c8-85e9-b8dffcb81cc7" providerId="ADAL" clId="{BED08975-0CF9-8545-BDD6-5D0D9CE6BB7F}" dt="2022-07-27T13:14:28.935" v="1197" actId="20577"/>
        <pc:sldMkLst>
          <pc:docMk/>
          <pc:sldMk cId="0" sldId="344"/>
        </pc:sldMkLst>
        <pc:spChg chg="mod">
          <ac:chgData name="Neunzig, Mathis" userId="94a0c205-b3bb-48c8-85e9-b8dffcb81cc7" providerId="ADAL" clId="{BED08975-0CF9-8545-BDD6-5D0D9CE6BB7F}" dt="2022-07-26T15:00:13.852" v="101"/>
          <ac:spMkLst>
            <pc:docMk/>
            <pc:sldMk cId="0" sldId="344"/>
            <ac:spMk id="3" creationId="{00000000-0000-0000-0000-000000000000}"/>
          </ac:spMkLst>
        </pc:spChg>
        <pc:spChg chg="mod">
          <ac:chgData name="Neunzig, Mathis" userId="94a0c205-b3bb-48c8-85e9-b8dffcb81cc7" providerId="ADAL" clId="{BED08975-0CF9-8545-BDD6-5D0D9CE6BB7F}" dt="2022-07-27T13:14:28.935" v="1197" actId="20577"/>
          <ac:spMkLst>
            <pc:docMk/>
            <pc:sldMk cId="0" sldId="344"/>
            <ac:spMk id="4" creationId="{400F1451-4D1F-387B-42AB-D8158BD50B8C}"/>
          </ac:spMkLst>
        </pc:spChg>
      </pc:sldChg>
      <pc:sldChg chg="modSp mod">
        <pc:chgData name="Neunzig, Mathis" userId="94a0c205-b3bb-48c8-85e9-b8dffcb81cc7" providerId="ADAL" clId="{BED08975-0CF9-8545-BDD6-5D0D9CE6BB7F}" dt="2022-07-27T07:54:21.240" v="879" actId="20577"/>
        <pc:sldMkLst>
          <pc:docMk/>
          <pc:sldMk cId="2057079689" sldId="452"/>
        </pc:sldMkLst>
        <pc:spChg chg="mod">
          <ac:chgData name="Neunzig, Mathis" userId="94a0c205-b3bb-48c8-85e9-b8dffcb81cc7" providerId="ADAL" clId="{BED08975-0CF9-8545-BDD6-5D0D9CE6BB7F}" dt="2022-07-27T07:54:21.240" v="879" actId="20577"/>
          <ac:spMkLst>
            <pc:docMk/>
            <pc:sldMk cId="2057079689" sldId="452"/>
            <ac:spMk id="2" creationId="{ECEE67D1-AA42-2DFA-DCF3-A82F83C7E4FA}"/>
          </ac:spMkLst>
        </pc:spChg>
      </pc:sldChg>
      <pc:sldChg chg="addSp modSp mod">
        <pc:chgData name="Neunzig, Mathis" userId="94a0c205-b3bb-48c8-85e9-b8dffcb81cc7" providerId="ADAL" clId="{BED08975-0CF9-8545-BDD6-5D0D9CE6BB7F}" dt="2022-07-27T11:47:16.349" v="1192" actId="14100"/>
        <pc:sldMkLst>
          <pc:docMk/>
          <pc:sldMk cId="4197211604" sldId="466"/>
        </pc:sldMkLst>
        <pc:spChg chg="mod">
          <ac:chgData name="Neunzig, Mathis" userId="94a0c205-b3bb-48c8-85e9-b8dffcb81cc7" providerId="ADAL" clId="{BED08975-0CF9-8545-BDD6-5D0D9CE6BB7F}" dt="2022-07-27T11:46:27.984" v="1185" actId="1076"/>
          <ac:spMkLst>
            <pc:docMk/>
            <pc:sldMk cId="4197211604" sldId="466"/>
            <ac:spMk id="15" creationId="{A35F2DC4-E771-6909-E947-C71BB3123026}"/>
          </ac:spMkLst>
        </pc:spChg>
        <pc:spChg chg="mod">
          <ac:chgData name="Neunzig, Mathis" userId="94a0c205-b3bb-48c8-85e9-b8dffcb81cc7" providerId="ADAL" clId="{BED08975-0CF9-8545-BDD6-5D0D9CE6BB7F}" dt="2022-07-27T11:44:19.674" v="1150" actId="1076"/>
          <ac:spMkLst>
            <pc:docMk/>
            <pc:sldMk cId="4197211604" sldId="466"/>
            <ac:spMk id="23" creationId="{3C66ABF5-49B0-9277-C00C-F9EB42430349}"/>
          </ac:spMkLst>
        </pc:spChg>
        <pc:spChg chg="add mod">
          <ac:chgData name="Neunzig, Mathis" userId="94a0c205-b3bb-48c8-85e9-b8dffcb81cc7" providerId="ADAL" clId="{BED08975-0CF9-8545-BDD6-5D0D9CE6BB7F}" dt="2022-07-27T11:46:17.702" v="1183" actId="1076"/>
          <ac:spMkLst>
            <pc:docMk/>
            <pc:sldMk cId="4197211604" sldId="466"/>
            <ac:spMk id="28" creationId="{1C83EC1C-0F53-07A0-786B-87F28FC34A1F}"/>
          </ac:spMkLst>
        </pc:spChg>
        <pc:picChg chg="mod">
          <ac:chgData name="Neunzig, Mathis" userId="94a0c205-b3bb-48c8-85e9-b8dffcb81cc7" providerId="ADAL" clId="{BED08975-0CF9-8545-BDD6-5D0D9CE6BB7F}" dt="2022-07-27T11:46:25.503" v="1184" actId="1076"/>
          <ac:picMkLst>
            <pc:docMk/>
            <pc:sldMk cId="4197211604" sldId="466"/>
            <ac:picMk id="14" creationId="{768B9347-0168-FD49-1519-964901ADE82A}"/>
          </ac:picMkLst>
        </pc:picChg>
        <pc:picChg chg="add mod">
          <ac:chgData name="Neunzig, Mathis" userId="94a0c205-b3bb-48c8-85e9-b8dffcb81cc7" providerId="ADAL" clId="{BED08975-0CF9-8545-BDD6-5D0D9CE6BB7F}" dt="2022-07-27T11:45:57.819" v="1164" actId="1076"/>
          <ac:picMkLst>
            <pc:docMk/>
            <pc:sldMk cId="4197211604" sldId="466"/>
            <ac:picMk id="25" creationId="{0EAFB148-7AB6-076B-E163-B6A66FBF6870}"/>
          </ac:picMkLst>
        </pc:picChg>
        <pc:cxnChg chg="mod">
          <ac:chgData name="Neunzig, Mathis" userId="94a0c205-b3bb-48c8-85e9-b8dffcb81cc7" providerId="ADAL" clId="{BED08975-0CF9-8545-BDD6-5D0D9CE6BB7F}" dt="2022-07-27T11:46:34.485" v="1186" actId="14100"/>
          <ac:cxnSpMkLst>
            <pc:docMk/>
            <pc:sldMk cId="4197211604" sldId="466"/>
            <ac:cxnSpMk id="16" creationId="{19A6B989-259E-7861-98C8-103E880B47A5}"/>
          </ac:cxnSpMkLst>
        </pc:cxnChg>
        <pc:cxnChg chg="mod">
          <ac:chgData name="Neunzig, Mathis" userId="94a0c205-b3bb-48c8-85e9-b8dffcb81cc7" providerId="ADAL" clId="{BED08975-0CF9-8545-BDD6-5D0D9CE6BB7F}" dt="2022-07-27T11:46:37.101" v="1187" actId="14100"/>
          <ac:cxnSpMkLst>
            <pc:docMk/>
            <pc:sldMk cId="4197211604" sldId="466"/>
            <ac:cxnSpMk id="17" creationId="{15BADC8B-4165-6131-E032-0B03120E7CEE}"/>
          </ac:cxnSpMkLst>
        </pc:cxnChg>
        <pc:cxnChg chg="mod">
          <ac:chgData name="Neunzig, Mathis" userId="94a0c205-b3bb-48c8-85e9-b8dffcb81cc7" providerId="ADAL" clId="{BED08975-0CF9-8545-BDD6-5D0D9CE6BB7F}" dt="2022-07-27T11:46:39.767" v="1188" actId="14100"/>
          <ac:cxnSpMkLst>
            <pc:docMk/>
            <pc:sldMk cId="4197211604" sldId="466"/>
            <ac:cxnSpMk id="18" creationId="{161FBA3A-7AE3-0B70-900F-07155D7E6EB3}"/>
          </ac:cxnSpMkLst>
        </pc:cxnChg>
        <pc:cxnChg chg="mod">
          <ac:chgData name="Neunzig, Mathis" userId="94a0c205-b3bb-48c8-85e9-b8dffcb81cc7" providerId="ADAL" clId="{BED08975-0CF9-8545-BDD6-5D0D9CE6BB7F}" dt="2022-07-27T11:46:00.923" v="1165" actId="14100"/>
          <ac:cxnSpMkLst>
            <pc:docMk/>
            <pc:sldMk cId="4197211604" sldId="466"/>
            <ac:cxnSpMk id="19" creationId="{7EB09ABB-88EC-FD0E-5401-12CBBDC54A91}"/>
          </ac:cxnSpMkLst>
        </pc:cxnChg>
        <pc:cxnChg chg="mod">
          <ac:chgData name="Neunzig, Mathis" userId="94a0c205-b3bb-48c8-85e9-b8dffcb81cc7" providerId="ADAL" clId="{BED08975-0CF9-8545-BDD6-5D0D9CE6BB7F}" dt="2022-07-27T11:46:04.120" v="1166" actId="14100"/>
          <ac:cxnSpMkLst>
            <pc:docMk/>
            <pc:sldMk cId="4197211604" sldId="466"/>
            <ac:cxnSpMk id="20" creationId="{31B32645-7591-3994-23E5-81C037F75143}"/>
          </ac:cxnSpMkLst>
        </pc:cxnChg>
        <pc:cxnChg chg="add mod">
          <ac:chgData name="Neunzig, Mathis" userId="94a0c205-b3bb-48c8-85e9-b8dffcb81cc7" providerId="ADAL" clId="{BED08975-0CF9-8545-BDD6-5D0D9CE6BB7F}" dt="2022-07-27T11:47:16.349" v="1192" actId="14100"/>
          <ac:cxnSpMkLst>
            <pc:docMk/>
            <pc:sldMk cId="4197211604" sldId="466"/>
            <ac:cxnSpMk id="33" creationId="{69AFDED5-CACF-7269-8D73-E269811628D1}"/>
          </ac:cxnSpMkLst>
        </pc:cxnChg>
      </pc:sldChg>
      <pc:sldChg chg="modSp mod">
        <pc:chgData name="Neunzig, Mathis" userId="94a0c205-b3bb-48c8-85e9-b8dffcb81cc7" providerId="ADAL" clId="{BED08975-0CF9-8545-BDD6-5D0D9CE6BB7F}" dt="2022-07-26T14:59:49.834" v="99" actId="20577"/>
        <pc:sldMkLst>
          <pc:docMk/>
          <pc:sldMk cId="1169535883" sldId="498"/>
        </pc:sldMkLst>
        <pc:spChg chg="mod">
          <ac:chgData name="Neunzig, Mathis" userId="94a0c205-b3bb-48c8-85e9-b8dffcb81cc7" providerId="ADAL" clId="{BED08975-0CF9-8545-BDD6-5D0D9CE6BB7F}" dt="2022-07-26T14:59:49.834" v="99" actId="20577"/>
          <ac:spMkLst>
            <pc:docMk/>
            <pc:sldMk cId="1169535883" sldId="498"/>
            <ac:spMk id="2" creationId="{C247197F-021B-ABF2-15BA-0869DBFD4E2C}"/>
          </ac:spMkLst>
        </pc:spChg>
      </pc:sldChg>
      <pc:sldChg chg="addSp delSp modSp">
        <pc:chgData name="Neunzig, Mathis" userId="94a0c205-b3bb-48c8-85e9-b8dffcb81cc7" providerId="ADAL" clId="{BED08975-0CF9-8545-BDD6-5D0D9CE6BB7F}" dt="2022-07-27T11:48:17.067" v="1194"/>
        <pc:sldMkLst>
          <pc:docMk/>
          <pc:sldMk cId="3281327140" sldId="505"/>
        </pc:sldMkLst>
        <pc:spChg chg="del">
          <ac:chgData name="Neunzig, Mathis" userId="94a0c205-b3bb-48c8-85e9-b8dffcb81cc7" providerId="ADAL" clId="{BED08975-0CF9-8545-BDD6-5D0D9CE6BB7F}" dt="2022-07-27T11:48:16.616" v="1193" actId="478"/>
          <ac:spMkLst>
            <pc:docMk/>
            <pc:sldMk cId="3281327140" sldId="505"/>
            <ac:spMk id="17" creationId="{85D213DB-E191-03B4-BC28-77D100424404}"/>
          </ac:spMkLst>
        </pc:spChg>
        <pc:spChg chg="del">
          <ac:chgData name="Neunzig, Mathis" userId="94a0c205-b3bb-48c8-85e9-b8dffcb81cc7" providerId="ADAL" clId="{BED08975-0CF9-8545-BDD6-5D0D9CE6BB7F}" dt="2022-07-27T11:48:16.616" v="1193" actId="478"/>
          <ac:spMkLst>
            <pc:docMk/>
            <pc:sldMk cId="3281327140" sldId="505"/>
            <ac:spMk id="30" creationId="{A539F663-E40A-F587-803A-D827A66B5687}"/>
          </ac:spMkLst>
        </pc:spChg>
        <pc:spChg chg="del">
          <ac:chgData name="Neunzig, Mathis" userId="94a0c205-b3bb-48c8-85e9-b8dffcb81cc7" providerId="ADAL" clId="{BED08975-0CF9-8545-BDD6-5D0D9CE6BB7F}" dt="2022-07-27T11:48:16.616" v="1193" actId="478"/>
          <ac:spMkLst>
            <pc:docMk/>
            <pc:sldMk cId="3281327140" sldId="505"/>
            <ac:spMk id="31" creationId="{6A9C4EDD-E9DD-8BAC-AA6F-ED852B9ED28F}"/>
          </ac:spMkLst>
        </pc:spChg>
        <pc:spChg chg="add mod">
          <ac:chgData name="Neunzig, Mathis" userId="94a0c205-b3bb-48c8-85e9-b8dffcb81cc7" providerId="ADAL" clId="{BED08975-0CF9-8545-BDD6-5D0D9CE6BB7F}" dt="2022-07-27T11:48:17.067" v="1194"/>
          <ac:spMkLst>
            <pc:docMk/>
            <pc:sldMk cId="3281327140" sldId="505"/>
            <ac:spMk id="32" creationId="{0D95C314-AAFF-09ED-C0D5-BFF8304F4E2D}"/>
          </ac:spMkLst>
        </pc:spChg>
        <pc:spChg chg="del">
          <ac:chgData name="Neunzig, Mathis" userId="94a0c205-b3bb-48c8-85e9-b8dffcb81cc7" providerId="ADAL" clId="{BED08975-0CF9-8545-BDD6-5D0D9CE6BB7F}" dt="2022-07-27T11:48:16.616" v="1193" actId="478"/>
          <ac:spMkLst>
            <pc:docMk/>
            <pc:sldMk cId="3281327140" sldId="505"/>
            <ac:spMk id="33" creationId="{44E839EE-FF77-E89D-4529-157CB1B53360}"/>
          </ac:spMkLst>
        </pc:spChg>
        <pc:spChg chg="add mod">
          <ac:chgData name="Neunzig, Mathis" userId="94a0c205-b3bb-48c8-85e9-b8dffcb81cc7" providerId="ADAL" clId="{BED08975-0CF9-8545-BDD6-5D0D9CE6BB7F}" dt="2022-07-27T11:48:17.067" v="1194"/>
          <ac:spMkLst>
            <pc:docMk/>
            <pc:sldMk cId="3281327140" sldId="505"/>
            <ac:spMk id="39" creationId="{F90AD8D7-D901-8DFB-13C5-27B102DFE415}"/>
          </ac:spMkLst>
        </pc:spChg>
        <pc:spChg chg="add mod">
          <ac:chgData name="Neunzig, Mathis" userId="94a0c205-b3bb-48c8-85e9-b8dffcb81cc7" providerId="ADAL" clId="{BED08975-0CF9-8545-BDD6-5D0D9CE6BB7F}" dt="2022-07-27T11:48:17.067" v="1194"/>
          <ac:spMkLst>
            <pc:docMk/>
            <pc:sldMk cId="3281327140" sldId="505"/>
            <ac:spMk id="40" creationId="{461AA523-24C1-3D0A-4BEE-C7EA66341F50}"/>
          </ac:spMkLst>
        </pc:spChg>
        <pc:spChg chg="add mod">
          <ac:chgData name="Neunzig, Mathis" userId="94a0c205-b3bb-48c8-85e9-b8dffcb81cc7" providerId="ADAL" clId="{BED08975-0CF9-8545-BDD6-5D0D9CE6BB7F}" dt="2022-07-27T11:48:17.067" v="1194"/>
          <ac:spMkLst>
            <pc:docMk/>
            <pc:sldMk cId="3281327140" sldId="505"/>
            <ac:spMk id="41" creationId="{44F3C998-92CF-031D-C278-58D859A22ACB}"/>
          </ac:spMkLst>
        </pc:spChg>
        <pc:spChg chg="add mod">
          <ac:chgData name="Neunzig, Mathis" userId="94a0c205-b3bb-48c8-85e9-b8dffcb81cc7" providerId="ADAL" clId="{BED08975-0CF9-8545-BDD6-5D0D9CE6BB7F}" dt="2022-07-27T11:48:17.067" v="1194"/>
          <ac:spMkLst>
            <pc:docMk/>
            <pc:sldMk cId="3281327140" sldId="505"/>
            <ac:spMk id="43" creationId="{F203D1F3-4B80-5696-4C86-15E11A54FFD9}"/>
          </ac:spMkLst>
        </pc:spChg>
        <pc:picChg chg="del">
          <ac:chgData name="Neunzig, Mathis" userId="94a0c205-b3bb-48c8-85e9-b8dffcb81cc7" providerId="ADAL" clId="{BED08975-0CF9-8545-BDD6-5D0D9CE6BB7F}" dt="2022-07-27T11:48:16.616" v="1193" actId="478"/>
          <ac:picMkLst>
            <pc:docMk/>
            <pc:sldMk cId="3281327140" sldId="505"/>
            <ac:picMk id="6" creationId="{2EEB04A7-DDB8-9E47-11E8-AD2006524624}"/>
          </ac:picMkLst>
        </pc:picChg>
        <pc:picChg chg="del">
          <ac:chgData name="Neunzig, Mathis" userId="94a0c205-b3bb-48c8-85e9-b8dffcb81cc7" providerId="ADAL" clId="{BED08975-0CF9-8545-BDD6-5D0D9CE6BB7F}" dt="2022-07-27T11:48:16.616" v="1193" actId="478"/>
          <ac:picMkLst>
            <pc:docMk/>
            <pc:sldMk cId="3281327140" sldId="505"/>
            <ac:picMk id="8" creationId="{2E293222-BFA8-64BE-A2FD-C4A89B17C464}"/>
          </ac:picMkLst>
        </pc:picChg>
        <pc:picChg chg="del">
          <ac:chgData name="Neunzig, Mathis" userId="94a0c205-b3bb-48c8-85e9-b8dffcb81cc7" providerId="ADAL" clId="{BED08975-0CF9-8545-BDD6-5D0D9CE6BB7F}" dt="2022-07-27T11:48:16.616" v="1193" actId="478"/>
          <ac:picMkLst>
            <pc:docMk/>
            <pc:sldMk cId="3281327140" sldId="505"/>
            <ac:picMk id="10" creationId="{4A564857-8689-0F60-B121-E6206E16AC95}"/>
          </ac:picMkLst>
        </pc:picChg>
        <pc:picChg chg="del">
          <ac:chgData name="Neunzig, Mathis" userId="94a0c205-b3bb-48c8-85e9-b8dffcb81cc7" providerId="ADAL" clId="{BED08975-0CF9-8545-BDD6-5D0D9CE6BB7F}" dt="2022-07-27T11:48:16.616" v="1193" actId="478"/>
          <ac:picMkLst>
            <pc:docMk/>
            <pc:sldMk cId="3281327140" sldId="505"/>
            <ac:picMk id="14" creationId="{0F2186F5-26A9-7345-0577-EA13DCB5988A}"/>
          </ac:picMkLst>
        </pc:picChg>
        <pc:picChg chg="del">
          <ac:chgData name="Neunzig, Mathis" userId="94a0c205-b3bb-48c8-85e9-b8dffcb81cc7" providerId="ADAL" clId="{BED08975-0CF9-8545-BDD6-5D0D9CE6BB7F}" dt="2022-07-27T11:48:16.616" v="1193" actId="478"/>
          <ac:picMkLst>
            <pc:docMk/>
            <pc:sldMk cId="3281327140" sldId="505"/>
            <ac:picMk id="16" creationId="{13C7312D-08BB-E22C-B678-E1BF31891588}"/>
          </ac:picMkLst>
        </pc:picChg>
        <pc:picChg chg="add mod">
          <ac:chgData name="Neunzig, Mathis" userId="94a0c205-b3bb-48c8-85e9-b8dffcb81cc7" providerId="ADAL" clId="{BED08975-0CF9-8545-BDD6-5D0D9CE6BB7F}" dt="2022-07-27T11:48:17.067" v="1194"/>
          <ac:picMkLst>
            <pc:docMk/>
            <pc:sldMk cId="3281327140" sldId="505"/>
            <ac:picMk id="20" creationId="{84C062E1-E6C4-A34F-7A1B-5BDDBA557FF1}"/>
          </ac:picMkLst>
        </pc:picChg>
        <pc:picChg chg="add mod">
          <ac:chgData name="Neunzig, Mathis" userId="94a0c205-b3bb-48c8-85e9-b8dffcb81cc7" providerId="ADAL" clId="{BED08975-0CF9-8545-BDD6-5D0D9CE6BB7F}" dt="2022-07-27T11:48:17.067" v="1194"/>
          <ac:picMkLst>
            <pc:docMk/>
            <pc:sldMk cId="3281327140" sldId="505"/>
            <ac:picMk id="22" creationId="{500D3465-8542-A6E5-49D5-78C9928CE1B4}"/>
          </ac:picMkLst>
        </pc:picChg>
        <pc:picChg chg="add mod">
          <ac:chgData name="Neunzig, Mathis" userId="94a0c205-b3bb-48c8-85e9-b8dffcb81cc7" providerId="ADAL" clId="{BED08975-0CF9-8545-BDD6-5D0D9CE6BB7F}" dt="2022-07-27T11:48:17.067" v="1194"/>
          <ac:picMkLst>
            <pc:docMk/>
            <pc:sldMk cId="3281327140" sldId="505"/>
            <ac:picMk id="24" creationId="{72EAD04A-6A5C-8115-F3CD-68F1A7DAAE93}"/>
          </ac:picMkLst>
        </pc:picChg>
        <pc:picChg chg="add mod">
          <ac:chgData name="Neunzig, Mathis" userId="94a0c205-b3bb-48c8-85e9-b8dffcb81cc7" providerId="ADAL" clId="{BED08975-0CF9-8545-BDD6-5D0D9CE6BB7F}" dt="2022-07-27T11:48:17.067" v="1194"/>
          <ac:picMkLst>
            <pc:docMk/>
            <pc:sldMk cId="3281327140" sldId="505"/>
            <ac:picMk id="25" creationId="{8B67A06C-3AD0-86CA-454B-A0DC7A4EB464}"/>
          </ac:picMkLst>
        </pc:picChg>
        <pc:picChg chg="add mod">
          <ac:chgData name="Neunzig, Mathis" userId="94a0c205-b3bb-48c8-85e9-b8dffcb81cc7" providerId="ADAL" clId="{BED08975-0CF9-8545-BDD6-5D0D9CE6BB7F}" dt="2022-07-27T11:48:17.067" v="1194"/>
          <ac:picMkLst>
            <pc:docMk/>
            <pc:sldMk cId="3281327140" sldId="505"/>
            <ac:picMk id="27" creationId="{DA64E40D-7DF3-47CD-CE07-7AB649E10D19}"/>
          </ac:picMkLst>
        </pc:picChg>
        <pc:picChg chg="add mod">
          <ac:chgData name="Neunzig, Mathis" userId="94a0c205-b3bb-48c8-85e9-b8dffcb81cc7" providerId="ADAL" clId="{BED08975-0CF9-8545-BDD6-5D0D9CE6BB7F}" dt="2022-07-27T11:48:17.067" v="1194"/>
          <ac:picMkLst>
            <pc:docMk/>
            <pc:sldMk cId="3281327140" sldId="505"/>
            <ac:picMk id="28" creationId="{91751960-2893-9971-FA19-E395C3E0F7CA}"/>
          </ac:picMkLst>
        </pc:picChg>
        <pc:picChg chg="add mod">
          <ac:chgData name="Neunzig, Mathis" userId="94a0c205-b3bb-48c8-85e9-b8dffcb81cc7" providerId="ADAL" clId="{BED08975-0CF9-8545-BDD6-5D0D9CE6BB7F}" dt="2022-07-27T11:48:17.067" v="1194"/>
          <ac:picMkLst>
            <pc:docMk/>
            <pc:sldMk cId="3281327140" sldId="505"/>
            <ac:picMk id="42" creationId="{AC20777A-A94A-90FD-3AD8-B33140A6BAA9}"/>
          </ac:picMkLst>
        </pc:picChg>
        <pc:picChg chg="del">
          <ac:chgData name="Neunzig, Mathis" userId="94a0c205-b3bb-48c8-85e9-b8dffcb81cc7" providerId="ADAL" clId="{BED08975-0CF9-8545-BDD6-5D0D9CE6BB7F}" dt="2022-07-27T11:48:16.616" v="1193" actId="478"/>
          <ac:picMkLst>
            <pc:docMk/>
            <pc:sldMk cId="3281327140" sldId="505"/>
            <ac:picMk id="1026" creationId="{7FB9F996-6F1F-8F09-3F80-6DE8F6A71D80}"/>
          </ac:picMkLst>
        </pc:picChg>
        <pc:cxnChg chg="del">
          <ac:chgData name="Neunzig, Mathis" userId="94a0c205-b3bb-48c8-85e9-b8dffcb81cc7" providerId="ADAL" clId="{BED08975-0CF9-8545-BDD6-5D0D9CE6BB7F}" dt="2022-07-27T11:48:16.616" v="1193" actId="478"/>
          <ac:cxnSpMkLst>
            <pc:docMk/>
            <pc:sldMk cId="3281327140" sldId="505"/>
            <ac:cxnSpMk id="19" creationId="{9BC5B69B-4E3D-D954-3D83-DE4022AAE38A}"/>
          </ac:cxnSpMkLst>
        </pc:cxnChg>
        <pc:cxnChg chg="del">
          <ac:chgData name="Neunzig, Mathis" userId="94a0c205-b3bb-48c8-85e9-b8dffcb81cc7" providerId="ADAL" clId="{BED08975-0CF9-8545-BDD6-5D0D9CE6BB7F}" dt="2022-07-27T11:48:16.616" v="1193" actId="478"/>
          <ac:cxnSpMkLst>
            <pc:docMk/>
            <pc:sldMk cId="3281327140" sldId="505"/>
            <ac:cxnSpMk id="21" creationId="{C57CFEF7-209C-03BB-9706-725CBD67FE53}"/>
          </ac:cxnSpMkLst>
        </pc:cxnChg>
        <pc:cxnChg chg="del">
          <ac:chgData name="Neunzig, Mathis" userId="94a0c205-b3bb-48c8-85e9-b8dffcb81cc7" providerId="ADAL" clId="{BED08975-0CF9-8545-BDD6-5D0D9CE6BB7F}" dt="2022-07-27T11:48:16.616" v="1193" actId="478"/>
          <ac:cxnSpMkLst>
            <pc:docMk/>
            <pc:sldMk cId="3281327140" sldId="505"/>
            <ac:cxnSpMk id="23" creationId="{B363AD6E-563F-F3C5-621F-FC4B073AA17F}"/>
          </ac:cxnSpMkLst>
        </pc:cxnChg>
        <pc:cxnChg chg="del">
          <ac:chgData name="Neunzig, Mathis" userId="94a0c205-b3bb-48c8-85e9-b8dffcb81cc7" providerId="ADAL" clId="{BED08975-0CF9-8545-BDD6-5D0D9CE6BB7F}" dt="2022-07-27T11:48:16.616" v="1193" actId="478"/>
          <ac:cxnSpMkLst>
            <pc:docMk/>
            <pc:sldMk cId="3281327140" sldId="505"/>
            <ac:cxnSpMk id="26" creationId="{E6395B68-3EC9-42E5-AC20-3856A700A9F7}"/>
          </ac:cxnSpMkLst>
        </pc:cxnChg>
        <pc:cxnChg chg="del">
          <ac:chgData name="Neunzig, Mathis" userId="94a0c205-b3bb-48c8-85e9-b8dffcb81cc7" providerId="ADAL" clId="{BED08975-0CF9-8545-BDD6-5D0D9CE6BB7F}" dt="2022-07-27T11:48:16.616" v="1193" actId="478"/>
          <ac:cxnSpMkLst>
            <pc:docMk/>
            <pc:sldMk cId="3281327140" sldId="505"/>
            <ac:cxnSpMk id="29" creationId="{D53ABF7A-CEA8-0A48-0EF7-BA5EEF8E588D}"/>
          </ac:cxnSpMkLst>
        </pc:cxnChg>
        <pc:cxnChg chg="add mod">
          <ac:chgData name="Neunzig, Mathis" userId="94a0c205-b3bb-48c8-85e9-b8dffcb81cc7" providerId="ADAL" clId="{BED08975-0CF9-8545-BDD6-5D0D9CE6BB7F}" dt="2022-07-27T11:48:17.067" v="1194"/>
          <ac:cxnSpMkLst>
            <pc:docMk/>
            <pc:sldMk cId="3281327140" sldId="505"/>
            <ac:cxnSpMk id="34" creationId="{96D2B670-A1DF-2DD6-78D0-D2F8F5EE8555}"/>
          </ac:cxnSpMkLst>
        </pc:cxnChg>
        <pc:cxnChg chg="add mod">
          <ac:chgData name="Neunzig, Mathis" userId="94a0c205-b3bb-48c8-85e9-b8dffcb81cc7" providerId="ADAL" clId="{BED08975-0CF9-8545-BDD6-5D0D9CE6BB7F}" dt="2022-07-27T11:48:17.067" v="1194"/>
          <ac:cxnSpMkLst>
            <pc:docMk/>
            <pc:sldMk cId="3281327140" sldId="505"/>
            <ac:cxnSpMk id="35" creationId="{BF1C3CC5-AA98-CD83-6553-7ABA1E72EC0F}"/>
          </ac:cxnSpMkLst>
        </pc:cxnChg>
        <pc:cxnChg chg="add mod">
          <ac:chgData name="Neunzig, Mathis" userId="94a0c205-b3bb-48c8-85e9-b8dffcb81cc7" providerId="ADAL" clId="{BED08975-0CF9-8545-BDD6-5D0D9CE6BB7F}" dt="2022-07-27T11:48:17.067" v="1194"/>
          <ac:cxnSpMkLst>
            <pc:docMk/>
            <pc:sldMk cId="3281327140" sldId="505"/>
            <ac:cxnSpMk id="36" creationId="{5BC874BF-CFB1-C4DD-C206-84735442B4C7}"/>
          </ac:cxnSpMkLst>
        </pc:cxnChg>
        <pc:cxnChg chg="add mod">
          <ac:chgData name="Neunzig, Mathis" userId="94a0c205-b3bb-48c8-85e9-b8dffcb81cc7" providerId="ADAL" clId="{BED08975-0CF9-8545-BDD6-5D0D9CE6BB7F}" dt="2022-07-27T11:48:17.067" v="1194"/>
          <ac:cxnSpMkLst>
            <pc:docMk/>
            <pc:sldMk cId="3281327140" sldId="505"/>
            <ac:cxnSpMk id="37" creationId="{A1DA5AB4-D843-77D5-A308-42DBD9127A72}"/>
          </ac:cxnSpMkLst>
        </pc:cxnChg>
        <pc:cxnChg chg="add mod">
          <ac:chgData name="Neunzig, Mathis" userId="94a0c205-b3bb-48c8-85e9-b8dffcb81cc7" providerId="ADAL" clId="{BED08975-0CF9-8545-BDD6-5D0D9CE6BB7F}" dt="2022-07-27T11:48:17.067" v="1194"/>
          <ac:cxnSpMkLst>
            <pc:docMk/>
            <pc:sldMk cId="3281327140" sldId="505"/>
            <ac:cxnSpMk id="38" creationId="{912BE455-A1F3-61CF-E64B-4CC264AE56A4}"/>
          </ac:cxnSpMkLst>
        </pc:cxnChg>
        <pc:cxnChg chg="add mod">
          <ac:chgData name="Neunzig, Mathis" userId="94a0c205-b3bb-48c8-85e9-b8dffcb81cc7" providerId="ADAL" clId="{BED08975-0CF9-8545-BDD6-5D0D9CE6BB7F}" dt="2022-07-27T11:48:17.067" v="1194"/>
          <ac:cxnSpMkLst>
            <pc:docMk/>
            <pc:sldMk cId="3281327140" sldId="505"/>
            <ac:cxnSpMk id="44" creationId="{A708A4C7-4ADE-213A-A29A-33A5F2A49345}"/>
          </ac:cxnSpMkLst>
        </pc:cxnChg>
      </pc:sldChg>
      <pc:sldChg chg="ord">
        <pc:chgData name="Neunzig, Mathis" userId="94a0c205-b3bb-48c8-85e9-b8dffcb81cc7" providerId="ADAL" clId="{BED08975-0CF9-8545-BDD6-5D0D9CE6BB7F}" dt="2022-07-26T15:00:07.729" v="100" actId="20578"/>
        <pc:sldMkLst>
          <pc:docMk/>
          <pc:sldMk cId="3568405340" sldId="507"/>
        </pc:sldMkLst>
      </pc:sldChg>
      <pc:sldChg chg="delSp modSp mod">
        <pc:chgData name="Neunzig, Mathis" userId="94a0c205-b3bb-48c8-85e9-b8dffcb81cc7" providerId="ADAL" clId="{BED08975-0CF9-8545-BDD6-5D0D9CE6BB7F}" dt="2022-07-26T15:00:45.429" v="119" actId="20577"/>
        <pc:sldMkLst>
          <pc:docMk/>
          <pc:sldMk cId="569517669" sldId="508"/>
        </pc:sldMkLst>
        <pc:spChg chg="mod">
          <ac:chgData name="Neunzig, Mathis" userId="94a0c205-b3bb-48c8-85e9-b8dffcb81cc7" providerId="ADAL" clId="{BED08975-0CF9-8545-BDD6-5D0D9CE6BB7F}" dt="2022-07-26T15:00:42.977" v="117" actId="20577"/>
          <ac:spMkLst>
            <pc:docMk/>
            <pc:sldMk cId="569517669" sldId="508"/>
            <ac:spMk id="7" creationId="{96DD3525-68DE-8547-3932-CA6BA8FE974D}"/>
          </ac:spMkLst>
        </pc:spChg>
        <pc:spChg chg="mod">
          <ac:chgData name="Neunzig, Mathis" userId="94a0c205-b3bb-48c8-85e9-b8dffcb81cc7" providerId="ADAL" clId="{BED08975-0CF9-8545-BDD6-5D0D9CE6BB7F}" dt="2022-07-26T15:00:45.429" v="119" actId="20577"/>
          <ac:spMkLst>
            <pc:docMk/>
            <pc:sldMk cId="569517669" sldId="508"/>
            <ac:spMk id="11" creationId="{73BBC908-19A0-1361-CDB2-FB06146B0E78}"/>
          </ac:spMkLst>
        </pc:spChg>
        <pc:spChg chg="del">
          <ac:chgData name="Neunzig, Mathis" userId="94a0c205-b3bb-48c8-85e9-b8dffcb81cc7" providerId="ADAL" clId="{BED08975-0CF9-8545-BDD6-5D0D9CE6BB7F}" dt="2022-07-26T15:00:22.695" v="103" actId="478"/>
          <ac:spMkLst>
            <pc:docMk/>
            <pc:sldMk cId="569517669" sldId="508"/>
            <ac:spMk id="21" creationId="{FEDDDC88-BBB8-F6AC-7DE6-1870B5CA0C34}"/>
          </ac:spMkLst>
        </pc:spChg>
        <pc:spChg chg="del mod">
          <ac:chgData name="Neunzig, Mathis" userId="94a0c205-b3bb-48c8-85e9-b8dffcb81cc7" providerId="ADAL" clId="{BED08975-0CF9-8545-BDD6-5D0D9CE6BB7F}" dt="2022-07-26T15:00:31.822" v="107"/>
          <ac:spMkLst>
            <pc:docMk/>
            <pc:sldMk cId="569517669" sldId="508"/>
            <ac:spMk id="23" creationId="{04BE5D15-ECBF-D502-DF39-595A40DFEBFF}"/>
          </ac:spMkLst>
        </pc:spChg>
        <pc:spChg chg="del mod">
          <ac:chgData name="Neunzig, Mathis" userId="94a0c205-b3bb-48c8-85e9-b8dffcb81cc7" providerId="ADAL" clId="{BED08975-0CF9-8545-BDD6-5D0D9CE6BB7F}" dt="2022-07-26T15:00:32.090" v="109"/>
          <ac:spMkLst>
            <pc:docMk/>
            <pc:sldMk cId="569517669" sldId="508"/>
            <ac:spMk id="24" creationId="{8BF51A3D-20F4-8426-C9FE-E2E162EAC476}"/>
          </ac:spMkLst>
        </pc:spChg>
        <pc:cxnChg chg="del">
          <ac:chgData name="Neunzig, Mathis" userId="94a0c205-b3bb-48c8-85e9-b8dffcb81cc7" providerId="ADAL" clId="{BED08975-0CF9-8545-BDD6-5D0D9CE6BB7F}" dt="2022-07-26T15:00:20.683" v="102" actId="478"/>
          <ac:cxnSpMkLst>
            <pc:docMk/>
            <pc:sldMk cId="569517669" sldId="508"/>
            <ac:cxnSpMk id="20" creationId="{D5FA50A8-7C1D-A303-8F9E-074A8DC3B642}"/>
          </ac:cxnSpMkLst>
        </pc:cxnChg>
      </pc:sldChg>
      <pc:sldChg chg="addSp delSp modSp mod">
        <pc:chgData name="Neunzig, Mathis" userId="94a0c205-b3bb-48c8-85e9-b8dffcb81cc7" providerId="ADAL" clId="{BED08975-0CF9-8545-BDD6-5D0D9CE6BB7F}" dt="2022-07-26T17:55:46.815" v="531" actId="1076"/>
        <pc:sldMkLst>
          <pc:docMk/>
          <pc:sldMk cId="3220822369" sldId="509"/>
        </pc:sldMkLst>
        <pc:spChg chg="add del">
          <ac:chgData name="Neunzig, Mathis" userId="94a0c205-b3bb-48c8-85e9-b8dffcb81cc7" providerId="ADAL" clId="{BED08975-0CF9-8545-BDD6-5D0D9CE6BB7F}" dt="2022-07-26T15:11:33.007" v="393" actId="478"/>
          <ac:spMkLst>
            <pc:docMk/>
            <pc:sldMk cId="3220822369" sldId="509"/>
            <ac:spMk id="2" creationId="{2182AF5A-0892-CEDC-0E77-137E921DF7F1}"/>
          </ac:spMkLst>
        </pc:spChg>
        <pc:spChg chg="mod">
          <ac:chgData name="Neunzig, Mathis" userId="94a0c205-b3bb-48c8-85e9-b8dffcb81cc7" providerId="ADAL" clId="{BED08975-0CF9-8545-BDD6-5D0D9CE6BB7F}" dt="2022-07-26T15:03:55.886" v="290"/>
          <ac:spMkLst>
            <pc:docMk/>
            <pc:sldMk cId="3220822369" sldId="509"/>
            <ac:spMk id="3" creationId="{40BCD606-21BB-788C-F180-86D872831B0D}"/>
          </ac:spMkLst>
        </pc:spChg>
        <pc:spChg chg="add del">
          <ac:chgData name="Neunzig, Mathis" userId="94a0c205-b3bb-48c8-85e9-b8dffcb81cc7" providerId="ADAL" clId="{BED08975-0CF9-8545-BDD6-5D0D9CE6BB7F}" dt="2022-07-26T17:49:57.599" v="415" actId="478"/>
          <ac:spMkLst>
            <pc:docMk/>
            <pc:sldMk cId="3220822369" sldId="509"/>
            <ac:spMk id="4" creationId="{4613E61F-E3BC-C97D-D040-CD02BB34CC34}"/>
          </ac:spMkLst>
        </pc:spChg>
        <pc:spChg chg="mod">
          <ac:chgData name="Neunzig, Mathis" userId="94a0c205-b3bb-48c8-85e9-b8dffcb81cc7" providerId="ADAL" clId="{BED08975-0CF9-8545-BDD6-5D0D9CE6BB7F}" dt="2022-07-26T17:52:53.246" v="468" actId="1076"/>
          <ac:spMkLst>
            <pc:docMk/>
            <pc:sldMk cId="3220822369" sldId="509"/>
            <ac:spMk id="6" creationId="{21147894-3159-8EC9-37A2-20403BDF28F5}"/>
          </ac:spMkLst>
        </pc:spChg>
        <pc:spChg chg="mod">
          <ac:chgData name="Neunzig, Mathis" userId="94a0c205-b3bb-48c8-85e9-b8dffcb81cc7" providerId="ADAL" clId="{BED08975-0CF9-8545-BDD6-5D0D9CE6BB7F}" dt="2022-07-26T17:51:46.716" v="447" actId="1076"/>
          <ac:spMkLst>
            <pc:docMk/>
            <pc:sldMk cId="3220822369" sldId="509"/>
            <ac:spMk id="7" creationId="{225119CA-5A83-19CF-1BF0-D157886C808E}"/>
          </ac:spMkLst>
        </pc:spChg>
        <pc:spChg chg="mod">
          <ac:chgData name="Neunzig, Mathis" userId="94a0c205-b3bb-48c8-85e9-b8dffcb81cc7" providerId="ADAL" clId="{BED08975-0CF9-8545-BDD6-5D0D9CE6BB7F}" dt="2022-07-26T17:52:53.246" v="468" actId="1076"/>
          <ac:spMkLst>
            <pc:docMk/>
            <pc:sldMk cId="3220822369" sldId="509"/>
            <ac:spMk id="8" creationId="{B2FF5CD4-5A89-7945-E873-6E3F98E85656}"/>
          </ac:spMkLst>
        </pc:spChg>
        <pc:spChg chg="mod">
          <ac:chgData name="Neunzig, Mathis" userId="94a0c205-b3bb-48c8-85e9-b8dffcb81cc7" providerId="ADAL" clId="{BED08975-0CF9-8545-BDD6-5D0D9CE6BB7F}" dt="2022-07-26T17:51:39.964" v="446" actId="1076"/>
          <ac:spMkLst>
            <pc:docMk/>
            <pc:sldMk cId="3220822369" sldId="509"/>
            <ac:spMk id="9" creationId="{42764C70-1C46-D148-5A8B-40093718D219}"/>
          </ac:spMkLst>
        </pc:spChg>
        <pc:spChg chg="mod">
          <ac:chgData name="Neunzig, Mathis" userId="94a0c205-b3bb-48c8-85e9-b8dffcb81cc7" providerId="ADAL" clId="{BED08975-0CF9-8545-BDD6-5D0D9CE6BB7F}" dt="2022-07-26T17:48:44.332" v="412" actId="1076"/>
          <ac:spMkLst>
            <pc:docMk/>
            <pc:sldMk cId="3220822369" sldId="509"/>
            <ac:spMk id="10" creationId="{419A9AC6-3516-967E-66A7-29F03E3DA49E}"/>
          </ac:spMkLst>
        </pc:spChg>
        <pc:spChg chg="mod">
          <ac:chgData name="Neunzig, Mathis" userId="94a0c205-b3bb-48c8-85e9-b8dffcb81cc7" providerId="ADAL" clId="{BED08975-0CF9-8545-BDD6-5D0D9CE6BB7F}" dt="2022-07-26T17:48:50.964" v="413" actId="1076"/>
          <ac:spMkLst>
            <pc:docMk/>
            <pc:sldMk cId="3220822369" sldId="509"/>
            <ac:spMk id="11" creationId="{E7B24278-017D-2E7B-A7A1-A58BD459B9BB}"/>
          </ac:spMkLst>
        </pc:spChg>
        <pc:spChg chg="mod">
          <ac:chgData name="Neunzig, Mathis" userId="94a0c205-b3bb-48c8-85e9-b8dffcb81cc7" providerId="ADAL" clId="{BED08975-0CF9-8545-BDD6-5D0D9CE6BB7F}" dt="2022-07-26T17:51:50.665" v="448" actId="1076"/>
          <ac:spMkLst>
            <pc:docMk/>
            <pc:sldMk cId="3220822369" sldId="509"/>
            <ac:spMk id="12" creationId="{EDD9B2F5-25BA-5A58-34E6-8A84A230DEB1}"/>
          </ac:spMkLst>
        </pc:spChg>
        <pc:spChg chg="mod">
          <ac:chgData name="Neunzig, Mathis" userId="94a0c205-b3bb-48c8-85e9-b8dffcb81cc7" providerId="ADAL" clId="{BED08975-0CF9-8545-BDD6-5D0D9CE6BB7F}" dt="2022-07-26T17:47:55.549" v="401" actId="1076"/>
          <ac:spMkLst>
            <pc:docMk/>
            <pc:sldMk cId="3220822369" sldId="509"/>
            <ac:spMk id="14" creationId="{092AD0C5-15E2-9F51-65CF-1C9F4FCA39EC}"/>
          </ac:spMkLst>
        </pc:spChg>
        <pc:spChg chg="mod">
          <ac:chgData name="Neunzig, Mathis" userId="94a0c205-b3bb-48c8-85e9-b8dffcb81cc7" providerId="ADAL" clId="{BED08975-0CF9-8545-BDD6-5D0D9CE6BB7F}" dt="2022-07-26T17:52:19.879" v="463" actId="1076"/>
          <ac:spMkLst>
            <pc:docMk/>
            <pc:sldMk cId="3220822369" sldId="509"/>
            <ac:spMk id="15" creationId="{F03A4E7F-03CE-3AF3-C06C-D44961CB5C0D}"/>
          </ac:spMkLst>
        </pc:spChg>
        <pc:spChg chg="add mod">
          <ac:chgData name="Neunzig, Mathis" userId="94a0c205-b3bb-48c8-85e9-b8dffcb81cc7" providerId="ADAL" clId="{BED08975-0CF9-8545-BDD6-5D0D9CE6BB7F}" dt="2022-07-26T15:12:37.839" v="400" actId="14100"/>
          <ac:spMkLst>
            <pc:docMk/>
            <pc:sldMk cId="3220822369" sldId="509"/>
            <ac:spMk id="16" creationId="{0CAD75DC-EFF4-4E2C-3C45-AB237421F03B}"/>
          </ac:spMkLst>
        </pc:spChg>
        <pc:spChg chg="add del mod">
          <ac:chgData name="Neunzig, Mathis" userId="94a0c205-b3bb-48c8-85e9-b8dffcb81cc7" providerId="ADAL" clId="{BED08975-0CF9-8545-BDD6-5D0D9CE6BB7F}" dt="2022-07-26T17:51:03.087" v="440" actId="478"/>
          <ac:spMkLst>
            <pc:docMk/>
            <pc:sldMk cId="3220822369" sldId="509"/>
            <ac:spMk id="32" creationId="{255793F0-182B-BCB4-F3D3-BB84C2B3B21E}"/>
          </ac:spMkLst>
        </pc:spChg>
        <pc:spChg chg="add mod">
          <ac:chgData name="Neunzig, Mathis" userId="94a0c205-b3bb-48c8-85e9-b8dffcb81cc7" providerId="ADAL" clId="{BED08975-0CF9-8545-BDD6-5D0D9CE6BB7F}" dt="2022-07-26T17:53:00.131" v="469" actId="1076"/>
          <ac:spMkLst>
            <pc:docMk/>
            <pc:sldMk cId="3220822369" sldId="509"/>
            <ac:spMk id="33" creationId="{65EB5541-5D2B-0526-D81A-0EECECA7370C}"/>
          </ac:spMkLst>
        </pc:spChg>
        <pc:spChg chg="add del mod">
          <ac:chgData name="Neunzig, Mathis" userId="94a0c205-b3bb-48c8-85e9-b8dffcb81cc7" providerId="ADAL" clId="{BED08975-0CF9-8545-BDD6-5D0D9CE6BB7F}" dt="2022-07-26T17:51:01.019" v="439" actId="478"/>
          <ac:spMkLst>
            <pc:docMk/>
            <pc:sldMk cId="3220822369" sldId="509"/>
            <ac:spMk id="35" creationId="{99DCF966-05E8-3A81-D72D-FCFE6B5050DF}"/>
          </ac:spMkLst>
        </pc:spChg>
        <pc:spChg chg="add mod">
          <ac:chgData name="Neunzig, Mathis" userId="94a0c205-b3bb-48c8-85e9-b8dffcb81cc7" providerId="ADAL" clId="{BED08975-0CF9-8545-BDD6-5D0D9CE6BB7F}" dt="2022-07-26T17:53:39.774" v="496" actId="20577"/>
          <ac:spMkLst>
            <pc:docMk/>
            <pc:sldMk cId="3220822369" sldId="509"/>
            <ac:spMk id="37" creationId="{970B6B70-5032-5631-FC4A-B1CA224E8E3D}"/>
          </ac:spMkLst>
        </pc:spChg>
        <pc:spChg chg="mod">
          <ac:chgData name="Neunzig, Mathis" userId="94a0c205-b3bb-48c8-85e9-b8dffcb81cc7" providerId="ADAL" clId="{BED08975-0CF9-8545-BDD6-5D0D9CE6BB7F}" dt="2022-07-26T17:51:55.299" v="449" actId="14100"/>
          <ac:spMkLst>
            <pc:docMk/>
            <pc:sldMk cId="3220822369" sldId="509"/>
            <ac:spMk id="46" creationId="{685802C7-2CD4-E5C4-53C2-C37AA4D4B8B9}"/>
          </ac:spMkLst>
        </pc:spChg>
        <pc:spChg chg="del mod">
          <ac:chgData name="Neunzig, Mathis" userId="94a0c205-b3bb-48c8-85e9-b8dffcb81cc7" providerId="ADAL" clId="{BED08975-0CF9-8545-BDD6-5D0D9CE6BB7F}" dt="2022-07-26T15:12:02.096" v="395" actId="478"/>
          <ac:spMkLst>
            <pc:docMk/>
            <pc:sldMk cId="3220822369" sldId="509"/>
            <ac:spMk id="47" creationId="{9FF97E49-383B-73F5-1F8B-C535A3AA3C76}"/>
          </ac:spMkLst>
        </pc:spChg>
        <pc:spChg chg="mod">
          <ac:chgData name="Neunzig, Mathis" userId="94a0c205-b3bb-48c8-85e9-b8dffcb81cc7" providerId="ADAL" clId="{BED08975-0CF9-8545-BDD6-5D0D9CE6BB7F}" dt="2022-07-26T17:52:53.246" v="468" actId="1076"/>
          <ac:spMkLst>
            <pc:docMk/>
            <pc:sldMk cId="3220822369" sldId="509"/>
            <ac:spMk id="48" creationId="{AD0DA400-CDED-5040-490F-6976EE1737AF}"/>
          </ac:spMkLst>
        </pc:spChg>
        <pc:spChg chg="del">
          <ac:chgData name="Neunzig, Mathis" userId="94a0c205-b3bb-48c8-85e9-b8dffcb81cc7" providerId="ADAL" clId="{BED08975-0CF9-8545-BDD6-5D0D9CE6BB7F}" dt="2022-07-26T15:02:36.797" v="205" actId="478"/>
          <ac:spMkLst>
            <pc:docMk/>
            <pc:sldMk cId="3220822369" sldId="509"/>
            <ac:spMk id="49" creationId="{EC554087-A288-A326-C550-65E607D1C463}"/>
          </ac:spMkLst>
        </pc:spChg>
        <pc:spChg chg="mod">
          <ac:chgData name="Neunzig, Mathis" userId="94a0c205-b3bb-48c8-85e9-b8dffcb81cc7" providerId="ADAL" clId="{BED08975-0CF9-8545-BDD6-5D0D9CE6BB7F}" dt="2022-07-26T17:52:53.246" v="468" actId="1076"/>
          <ac:spMkLst>
            <pc:docMk/>
            <pc:sldMk cId="3220822369" sldId="509"/>
            <ac:spMk id="50" creationId="{3E686575-CBE4-B666-2DD2-027A8295F7E5}"/>
          </ac:spMkLst>
        </pc:spChg>
        <pc:spChg chg="del">
          <ac:chgData name="Neunzig, Mathis" userId="94a0c205-b3bb-48c8-85e9-b8dffcb81cc7" providerId="ADAL" clId="{BED08975-0CF9-8545-BDD6-5D0D9CE6BB7F}" dt="2022-07-26T15:02:35.594" v="204" actId="478"/>
          <ac:spMkLst>
            <pc:docMk/>
            <pc:sldMk cId="3220822369" sldId="509"/>
            <ac:spMk id="51" creationId="{B3A068BD-EBFB-4325-4389-C83F1A629FD1}"/>
          </ac:spMkLst>
        </pc:spChg>
        <pc:spChg chg="mod">
          <ac:chgData name="Neunzig, Mathis" userId="94a0c205-b3bb-48c8-85e9-b8dffcb81cc7" providerId="ADAL" clId="{BED08975-0CF9-8545-BDD6-5D0D9CE6BB7F}" dt="2022-07-26T15:03:17.929" v="273" actId="20577"/>
          <ac:spMkLst>
            <pc:docMk/>
            <pc:sldMk cId="3220822369" sldId="509"/>
            <ac:spMk id="52" creationId="{7F9CE3B1-6FAD-24B0-DEEA-55C69A6447A2}"/>
          </ac:spMkLst>
        </pc:spChg>
        <pc:spChg chg="mod">
          <ac:chgData name="Neunzig, Mathis" userId="94a0c205-b3bb-48c8-85e9-b8dffcb81cc7" providerId="ADAL" clId="{BED08975-0CF9-8545-BDD6-5D0D9CE6BB7F}" dt="2022-07-26T17:55:46.815" v="531" actId="1076"/>
          <ac:spMkLst>
            <pc:docMk/>
            <pc:sldMk cId="3220822369" sldId="509"/>
            <ac:spMk id="53" creationId="{EB53D51F-309D-B131-1D5F-D5B46331BE66}"/>
          </ac:spMkLst>
        </pc:spChg>
        <pc:spChg chg="add mod">
          <ac:chgData name="Neunzig, Mathis" userId="94a0c205-b3bb-48c8-85e9-b8dffcb81cc7" providerId="ADAL" clId="{BED08975-0CF9-8545-BDD6-5D0D9CE6BB7F}" dt="2022-07-26T17:53:13.964" v="473" actId="14100"/>
          <ac:spMkLst>
            <pc:docMk/>
            <pc:sldMk cId="3220822369" sldId="509"/>
            <ac:spMk id="68" creationId="{7309E2DA-661A-0456-2B36-7D3827DF5B00}"/>
          </ac:spMkLst>
        </pc:spChg>
        <pc:spChg chg="add mod">
          <ac:chgData name="Neunzig, Mathis" userId="94a0c205-b3bb-48c8-85e9-b8dffcb81cc7" providerId="ADAL" clId="{BED08975-0CF9-8545-BDD6-5D0D9CE6BB7F}" dt="2022-07-26T17:53:48.080" v="499" actId="14100"/>
          <ac:spMkLst>
            <pc:docMk/>
            <pc:sldMk cId="3220822369" sldId="509"/>
            <ac:spMk id="69" creationId="{075F279C-5691-9142-A634-2F1A4FD0A592}"/>
          </ac:spMkLst>
        </pc:spChg>
        <pc:spChg chg="add mod">
          <ac:chgData name="Neunzig, Mathis" userId="94a0c205-b3bb-48c8-85e9-b8dffcb81cc7" providerId="ADAL" clId="{BED08975-0CF9-8545-BDD6-5D0D9CE6BB7F}" dt="2022-07-26T17:53:56.211" v="502" actId="14100"/>
          <ac:spMkLst>
            <pc:docMk/>
            <pc:sldMk cId="3220822369" sldId="509"/>
            <ac:spMk id="70" creationId="{2CD3410D-5182-D57B-CE47-A4BA4D1488F6}"/>
          </ac:spMkLst>
        </pc:spChg>
        <pc:cxnChg chg="mod">
          <ac:chgData name="Neunzig, Mathis" userId="94a0c205-b3bb-48c8-85e9-b8dffcb81cc7" providerId="ADAL" clId="{BED08975-0CF9-8545-BDD6-5D0D9CE6BB7F}" dt="2022-07-26T17:48:50.964" v="413" actId="1076"/>
          <ac:cxnSpMkLst>
            <pc:docMk/>
            <pc:sldMk cId="3220822369" sldId="509"/>
            <ac:cxnSpMk id="17" creationId="{240FCAC4-FA28-BB90-E69B-B7D88E325D10}"/>
          </ac:cxnSpMkLst>
        </pc:cxnChg>
        <pc:cxnChg chg="mod">
          <ac:chgData name="Neunzig, Mathis" userId="94a0c205-b3bb-48c8-85e9-b8dffcb81cc7" providerId="ADAL" clId="{BED08975-0CF9-8545-BDD6-5D0D9CE6BB7F}" dt="2022-07-26T17:51:50.665" v="448" actId="1076"/>
          <ac:cxnSpMkLst>
            <pc:docMk/>
            <pc:sldMk cId="3220822369" sldId="509"/>
            <ac:cxnSpMk id="19" creationId="{BD095A5D-D3EC-231C-7EC2-37F0499A73DD}"/>
          </ac:cxnSpMkLst>
        </pc:cxnChg>
        <pc:cxnChg chg="mod">
          <ac:chgData name="Neunzig, Mathis" userId="94a0c205-b3bb-48c8-85e9-b8dffcb81cc7" providerId="ADAL" clId="{BED08975-0CF9-8545-BDD6-5D0D9CE6BB7F}" dt="2022-07-26T17:52:53.246" v="468" actId="1076"/>
          <ac:cxnSpMkLst>
            <pc:docMk/>
            <pc:sldMk cId="3220822369" sldId="509"/>
            <ac:cxnSpMk id="21" creationId="{9A158344-782E-F5DE-FDD9-8E78262E2454}"/>
          </ac:cxnSpMkLst>
        </pc:cxnChg>
        <pc:cxnChg chg="mod">
          <ac:chgData name="Neunzig, Mathis" userId="94a0c205-b3bb-48c8-85e9-b8dffcb81cc7" providerId="ADAL" clId="{BED08975-0CF9-8545-BDD6-5D0D9CE6BB7F}" dt="2022-07-26T17:51:46.716" v="447" actId="1076"/>
          <ac:cxnSpMkLst>
            <pc:docMk/>
            <pc:sldMk cId="3220822369" sldId="509"/>
            <ac:cxnSpMk id="23" creationId="{AB797758-D46A-28D5-4068-26DE9357F44F}"/>
          </ac:cxnSpMkLst>
        </pc:cxnChg>
        <pc:cxnChg chg="mod">
          <ac:chgData name="Neunzig, Mathis" userId="94a0c205-b3bb-48c8-85e9-b8dffcb81cc7" providerId="ADAL" clId="{BED08975-0CF9-8545-BDD6-5D0D9CE6BB7F}" dt="2022-07-26T17:52:53.246" v="468" actId="1076"/>
          <ac:cxnSpMkLst>
            <pc:docMk/>
            <pc:sldMk cId="3220822369" sldId="509"/>
            <ac:cxnSpMk id="25" creationId="{65EFA789-D94F-6E42-47C4-770DEF17D0B8}"/>
          </ac:cxnSpMkLst>
        </pc:cxnChg>
        <pc:cxnChg chg="mod">
          <ac:chgData name="Neunzig, Mathis" userId="94a0c205-b3bb-48c8-85e9-b8dffcb81cc7" providerId="ADAL" clId="{BED08975-0CF9-8545-BDD6-5D0D9CE6BB7F}" dt="2022-07-26T17:51:46.716" v="447" actId="1076"/>
          <ac:cxnSpMkLst>
            <pc:docMk/>
            <pc:sldMk cId="3220822369" sldId="509"/>
            <ac:cxnSpMk id="27" creationId="{A0713C9F-F1FA-F2E4-8AE5-349EA05F08DB}"/>
          </ac:cxnSpMkLst>
        </pc:cxnChg>
        <pc:cxnChg chg="del mod">
          <ac:chgData name="Neunzig, Mathis" userId="94a0c205-b3bb-48c8-85e9-b8dffcb81cc7" providerId="ADAL" clId="{BED08975-0CF9-8545-BDD6-5D0D9CE6BB7F}" dt="2022-07-26T17:48:01.593" v="402" actId="478"/>
          <ac:cxnSpMkLst>
            <pc:docMk/>
            <pc:sldMk cId="3220822369" sldId="509"/>
            <ac:cxnSpMk id="29" creationId="{DD53BE7E-B164-D0CC-E999-869E676ACCB2}"/>
          </ac:cxnSpMkLst>
        </pc:cxnChg>
        <pc:cxnChg chg="mod">
          <ac:chgData name="Neunzig, Mathis" userId="94a0c205-b3bb-48c8-85e9-b8dffcb81cc7" providerId="ADAL" clId="{BED08975-0CF9-8545-BDD6-5D0D9CE6BB7F}" dt="2022-07-26T17:52:19.879" v="463" actId="1076"/>
          <ac:cxnSpMkLst>
            <pc:docMk/>
            <pc:sldMk cId="3220822369" sldId="509"/>
            <ac:cxnSpMk id="34" creationId="{F0965235-A684-3F33-02B6-9A667BC8B7AD}"/>
          </ac:cxnSpMkLst>
        </pc:cxnChg>
        <pc:cxnChg chg="mod">
          <ac:chgData name="Neunzig, Mathis" userId="94a0c205-b3bb-48c8-85e9-b8dffcb81cc7" providerId="ADAL" clId="{BED08975-0CF9-8545-BDD6-5D0D9CE6BB7F}" dt="2022-07-26T17:47:55.549" v="401" actId="1076"/>
          <ac:cxnSpMkLst>
            <pc:docMk/>
            <pc:sldMk cId="3220822369" sldId="509"/>
            <ac:cxnSpMk id="36" creationId="{9C5376ED-F070-9218-6415-EEC85A460465}"/>
          </ac:cxnSpMkLst>
        </pc:cxnChg>
      </pc:sldChg>
      <pc:sldChg chg="modSp del mod">
        <pc:chgData name="Neunzig, Mathis" userId="94a0c205-b3bb-48c8-85e9-b8dffcb81cc7" providerId="ADAL" clId="{BED08975-0CF9-8545-BDD6-5D0D9CE6BB7F}" dt="2022-07-27T11:42:33.321" v="1141" actId="2696"/>
        <pc:sldMkLst>
          <pc:docMk/>
          <pc:sldMk cId="1968527622" sldId="512"/>
        </pc:sldMkLst>
        <pc:spChg chg="mod">
          <ac:chgData name="Neunzig, Mathis" userId="94a0c205-b3bb-48c8-85e9-b8dffcb81cc7" providerId="ADAL" clId="{BED08975-0CF9-8545-BDD6-5D0D9CE6BB7F}" dt="2022-07-27T07:53:36.583" v="839" actId="21"/>
          <ac:spMkLst>
            <pc:docMk/>
            <pc:sldMk cId="1968527622" sldId="512"/>
            <ac:spMk id="2" creationId="{C247197F-021B-ABF2-15BA-0869DBFD4E2C}"/>
          </ac:spMkLst>
        </pc:spChg>
      </pc:sldChg>
      <pc:sldChg chg="modSp add mod">
        <pc:chgData name="Neunzig, Mathis" userId="94a0c205-b3bb-48c8-85e9-b8dffcb81cc7" providerId="ADAL" clId="{BED08975-0CF9-8545-BDD6-5D0D9CE6BB7F}" dt="2022-07-27T07:53:38.173" v="840"/>
        <pc:sldMkLst>
          <pc:docMk/>
          <pc:sldMk cId="229913694" sldId="525"/>
        </pc:sldMkLst>
        <pc:spChg chg="mod">
          <ac:chgData name="Neunzig, Mathis" userId="94a0c205-b3bb-48c8-85e9-b8dffcb81cc7" providerId="ADAL" clId="{BED08975-0CF9-8545-BDD6-5D0D9CE6BB7F}" dt="2022-07-27T07:53:38.173" v="840"/>
          <ac:spMkLst>
            <pc:docMk/>
            <pc:sldMk cId="229913694" sldId="525"/>
            <ac:spMk id="2" creationId="{C247197F-021B-ABF2-15BA-0869DBFD4E2C}"/>
          </ac:spMkLst>
        </pc:spChg>
        <pc:spChg chg="mod">
          <ac:chgData name="Neunzig, Mathis" userId="94a0c205-b3bb-48c8-85e9-b8dffcb81cc7" providerId="ADAL" clId="{BED08975-0CF9-8545-BDD6-5D0D9CE6BB7F}" dt="2022-07-26T15:07:41.800" v="366" actId="20577"/>
          <ac:spMkLst>
            <pc:docMk/>
            <pc:sldMk cId="229913694" sldId="525"/>
            <ac:spMk id="3" creationId="{40BCD606-21BB-788C-F180-86D872831B0D}"/>
          </ac:spMkLst>
        </pc:spChg>
      </pc:sldChg>
      <pc:sldChg chg="modSp add mod ord">
        <pc:chgData name="Neunzig, Mathis" userId="94a0c205-b3bb-48c8-85e9-b8dffcb81cc7" providerId="ADAL" clId="{BED08975-0CF9-8545-BDD6-5D0D9CE6BB7F}" dt="2022-07-26T15:08:10.351" v="384" actId="20577"/>
        <pc:sldMkLst>
          <pc:docMk/>
          <pc:sldMk cId="2816965492" sldId="526"/>
        </pc:sldMkLst>
        <pc:spChg chg="mod">
          <ac:chgData name="Neunzig, Mathis" userId="94a0c205-b3bb-48c8-85e9-b8dffcb81cc7" providerId="ADAL" clId="{BED08975-0CF9-8545-BDD6-5D0D9CE6BB7F}" dt="2022-07-26T15:08:10.351" v="384" actId="20577"/>
          <ac:spMkLst>
            <pc:docMk/>
            <pc:sldMk cId="2816965492" sldId="526"/>
            <ac:spMk id="2" creationId="{ECEE67D1-AA42-2DFA-DCF3-A82F83C7E4FA}"/>
          </ac:spMkLst>
        </pc:spChg>
      </pc:sldChg>
      <pc:sldChg chg="addSp delSp modSp new mod">
        <pc:chgData name="Neunzig, Mathis" userId="94a0c205-b3bb-48c8-85e9-b8dffcb81cc7" providerId="ADAL" clId="{BED08975-0CF9-8545-BDD6-5D0D9CE6BB7F}" dt="2022-07-27T11:42:28.394" v="1140" actId="20577"/>
        <pc:sldMkLst>
          <pc:docMk/>
          <pc:sldMk cId="634809057" sldId="527"/>
        </pc:sldMkLst>
        <pc:spChg chg="mod">
          <ac:chgData name="Neunzig, Mathis" userId="94a0c205-b3bb-48c8-85e9-b8dffcb81cc7" providerId="ADAL" clId="{BED08975-0CF9-8545-BDD6-5D0D9CE6BB7F}" dt="2022-07-27T11:36:37.554" v="1004" actId="20577"/>
          <ac:spMkLst>
            <pc:docMk/>
            <pc:sldMk cId="634809057" sldId="527"/>
            <ac:spMk id="2" creationId="{AABCCEA4-A3E6-EEF3-29DF-CA1949E0FEA5}"/>
          </ac:spMkLst>
        </pc:spChg>
        <pc:spChg chg="del">
          <ac:chgData name="Neunzig, Mathis" userId="94a0c205-b3bb-48c8-85e9-b8dffcb81cc7" providerId="ADAL" clId="{BED08975-0CF9-8545-BDD6-5D0D9CE6BB7F}" dt="2022-07-27T11:40:02.696" v="1021" actId="931"/>
          <ac:spMkLst>
            <pc:docMk/>
            <pc:sldMk cId="634809057" sldId="527"/>
            <ac:spMk id="3" creationId="{01B14CDD-61D5-45C5-5708-20BDCDC5B2D9}"/>
          </ac:spMkLst>
        </pc:spChg>
        <pc:spChg chg="mod">
          <ac:chgData name="Neunzig, Mathis" userId="94a0c205-b3bb-48c8-85e9-b8dffcb81cc7" providerId="ADAL" clId="{BED08975-0CF9-8545-BDD6-5D0D9CE6BB7F}" dt="2022-07-27T11:42:28.394" v="1140" actId="20577"/>
          <ac:spMkLst>
            <pc:docMk/>
            <pc:sldMk cId="634809057" sldId="527"/>
            <ac:spMk id="4" creationId="{16064A32-9392-6DF9-7E03-F188FD9933B6}"/>
          </ac:spMkLst>
        </pc:spChg>
        <pc:spChg chg="del">
          <ac:chgData name="Neunzig, Mathis" userId="94a0c205-b3bb-48c8-85e9-b8dffcb81cc7" providerId="ADAL" clId="{BED08975-0CF9-8545-BDD6-5D0D9CE6BB7F}" dt="2022-07-27T11:40:02.696" v="1021" actId="931"/>
          <ac:spMkLst>
            <pc:docMk/>
            <pc:sldMk cId="634809057" sldId="527"/>
            <ac:spMk id="5" creationId="{47ACB0A1-41D7-AD0B-A3BA-1AEAA501CDB3}"/>
          </ac:spMkLst>
        </pc:spChg>
        <pc:spChg chg="mod">
          <ac:chgData name="Neunzig, Mathis" userId="94a0c205-b3bb-48c8-85e9-b8dffcb81cc7" providerId="ADAL" clId="{BED08975-0CF9-8545-BDD6-5D0D9CE6BB7F}" dt="2022-07-27T11:36:32.026" v="1002" actId="20577"/>
          <ac:spMkLst>
            <pc:docMk/>
            <pc:sldMk cId="634809057" sldId="527"/>
            <ac:spMk id="6" creationId="{57121C31-BE67-74A4-FEEE-FE48468BAEE0}"/>
          </ac:spMkLst>
        </pc:spChg>
        <pc:spChg chg="del">
          <ac:chgData name="Neunzig, Mathis" userId="94a0c205-b3bb-48c8-85e9-b8dffcb81cc7" providerId="ADAL" clId="{BED08975-0CF9-8545-BDD6-5D0D9CE6BB7F}" dt="2022-07-27T11:40:02.696" v="1021" actId="931"/>
          <ac:spMkLst>
            <pc:docMk/>
            <pc:sldMk cId="634809057" sldId="527"/>
            <ac:spMk id="7" creationId="{BE99C308-3F5F-D1B4-2E2F-0A442018AD32}"/>
          </ac:spMkLst>
        </pc:spChg>
        <pc:spChg chg="mod">
          <ac:chgData name="Neunzig, Mathis" userId="94a0c205-b3bb-48c8-85e9-b8dffcb81cc7" providerId="ADAL" clId="{BED08975-0CF9-8545-BDD6-5D0D9CE6BB7F}" dt="2022-07-27T11:36:16.316" v="998" actId="20577"/>
          <ac:spMkLst>
            <pc:docMk/>
            <pc:sldMk cId="634809057" sldId="527"/>
            <ac:spMk id="8" creationId="{F816CBD3-F6E0-9B1D-358A-67FA7587EB3C}"/>
          </ac:spMkLst>
        </pc:spChg>
        <pc:spChg chg="del">
          <ac:chgData name="Neunzig, Mathis" userId="94a0c205-b3bb-48c8-85e9-b8dffcb81cc7" providerId="ADAL" clId="{BED08975-0CF9-8545-BDD6-5D0D9CE6BB7F}" dt="2022-07-27T11:40:02.696" v="1021" actId="931"/>
          <ac:spMkLst>
            <pc:docMk/>
            <pc:sldMk cId="634809057" sldId="527"/>
            <ac:spMk id="9" creationId="{6D2C1DC3-09F5-D7E0-EAE2-6090A32DCCEA}"/>
          </ac:spMkLst>
        </pc:spChg>
        <pc:spChg chg="mod">
          <ac:chgData name="Neunzig, Mathis" userId="94a0c205-b3bb-48c8-85e9-b8dffcb81cc7" providerId="ADAL" clId="{BED08975-0CF9-8545-BDD6-5D0D9CE6BB7F}" dt="2022-07-27T11:34:12.392" v="881"/>
          <ac:spMkLst>
            <pc:docMk/>
            <pc:sldMk cId="634809057" sldId="527"/>
            <ac:spMk id="10" creationId="{688055DE-B3E2-819C-4C71-54695FEAA13A}"/>
          </ac:spMkLst>
        </pc:spChg>
        <pc:picChg chg="add mod">
          <ac:chgData name="Neunzig, Mathis" userId="94a0c205-b3bb-48c8-85e9-b8dffcb81cc7" providerId="ADAL" clId="{BED08975-0CF9-8545-BDD6-5D0D9CE6BB7F}" dt="2022-07-27T11:40:42.738" v="1028" actId="1076"/>
          <ac:picMkLst>
            <pc:docMk/>
            <pc:sldMk cId="634809057" sldId="527"/>
            <ac:picMk id="12" creationId="{3259CBEB-72EB-F776-DCD6-1AFCE022A495}"/>
          </ac:picMkLst>
        </pc:picChg>
        <pc:picChg chg="add mod">
          <ac:chgData name="Neunzig, Mathis" userId="94a0c205-b3bb-48c8-85e9-b8dffcb81cc7" providerId="ADAL" clId="{BED08975-0CF9-8545-BDD6-5D0D9CE6BB7F}" dt="2022-07-27T11:40:02.696" v="1021" actId="931"/>
          <ac:picMkLst>
            <pc:docMk/>
            <pc:sldMk cId="634809057" sldId="527"/>
            <ac:picMk id="14" creationId="{98FB2E88-6434-5DC8-4350-CE3D156927A0}"/>
          </ac:picMkLst>
        </pc:picChg>
        <pc:picChg chg="add mod">
          <ac:chgData name="Neunzig, Mathis" userId="94a0c205-b3bb-48c8-85e9-b8dffcb81cc7" providerId="ADAL" clId="{BED08975-0CF9-8545-BDD6-5D0D9CE6BB7F}" dt="2022-07-27T11:40:24.357" v="1024" actId="1076"/>
          <ac:picMkLst>
            <pc:docMk/>
            <pc:sldMk cId="634809057" sldId="527"/>
            <ac:picMk id="16" creationId="{4A964F7E-EC8E-6D74-0E61-BBA68B092A04}"/>
          </ac:picMkLst>
        </pc:picChg>
        <pc:picChg chg="add mod">
          <ac:chgData name="Neunzig, Mathis" userId="94a0c205-b3bb-48c8-85e9-b8dffcb81cc7" providerId="ADAL" clId="{BED08975-0CF9-8545-BDD6-5D0D9CE6BB7F}" dt="2022-07-27T11:40:39.223" v="1027" actId="1076"/>
          <ac:picMkLst>
            <pc:docMk/>
            <pc:sldMk cId="634809057" sldId="527"/>
            <ac:picMk id="18" creationId="{EB362917-6089-3EB6-1265-D78AC78C5671}"/>
          </ac:picMkLst>
        </pc:picChg>
      </pc:sldChg>
    </pc:docChg>
  </pc:docChgLst>
  <pc:docChgLst>
    <pc:chgData name="Mildenberger, Marcel" userId="S::marcel.mildenberger@sap.com::08374ceb-2c07-43ec-ada4-aa5def6ec01a" providerId="AD" clId="Web-{DBDE58EA-49BA-2FCC-77D7-80734CDED25F}"/>
    <pc:docChg chg="modSld">
      <pc:chgData name="Mildenberger, Marcel" userId="S::marcel.mildenberger@sap.com::08374ceb-2c07-43ec-ada4-aa5def6ec01a" providerId="AD" clId="Web-{DBDE58EA-49BA-2FCC-77D7-80734CDED25F}" dt="2022-07-25T12:45:55.098" v="955" actId="20577"/>
      <pc:docMkLst>
        <pc:docMk/>
      </pc:docMkLst>
      <pc:sldChg chg="addSp delSp modSp">
        <pc:chgData name="Mildenberger, Marcel" userId="S::marcel.mildenberger@sap.com::08374ceb-2c07-43ec-ada4-aa5def6ec01a" providerId="AD" clId="Web-{DBDE58EA-49BA-2FCC-77D7-80734CDED25F}" dt="2022-07-25T12:45:55.098" v="955" actId="20577"/>
        <pc:sldMkLst>
          <pc:docMk/>
          <pc:sldMk cId="569517669" sldId="508"/>
        </pc:sldMkLst>
        <pc:spChg chg="del">
          <ac:chgData name="Mildenberger, Marcel" userId="S::marcel.mildenberger@sap.com::08374ceb-2c07-43ec-ada4-aa5def6ec01a" providerId="AD" clId="Web-{DBDE58EA-49BA-2FCC-77D7-80734CDED25F}" dt="2022-07-25T12:26:18.135" v="0"/>
          <ac:spMkLst>
            <pc:docMk/>
            <pc:sldMk cId="569517669" sldId="508"/>
            <ac:spMk id="2" creationId="{C247197F-021B-ABF2-15BA-0869DBFD4E2C}"/>
          </ac:spMkLst>
        </pc:spChg>
        <pc:spChg chg="mod">
          <ac:chgData name="Mildenberger, Marcel" userId="S::marcel.mildenberger@sap.com::08374ceb-2c07-43ec-ada4-aa5def6ec01a" providerId="AD" clId="Web-{DBDE58EA-49BA-2FCC-77D7-80734CDED25F}" dt="2022-07-25T12:27:00.653" v="2" actId="20577"/>
          <ac:spMkLst>
            <pc:docMk/>
            <pc:sldMk cId="569517669" sldId="508"/>
            <ac:spMk id="3" creationId="{40BCD606-21BB-788C-F180-86D872831B0D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27:14.685" v="5" actId="14100"/>
          <ac:spMkLst>
            <pc:docMk/>
            <pc:sldMk cId="569517669" sldId="508"/>
            <ac:spMk id="4" creationId="{8B00EDC1-4793-EC03-BEB8-1781DBF68FD2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40:04.311" v="717" actId="1076"/>
          <ac:spMkLst>
            <pc:docMk/>
            <pc:sldMk cId="569517669" sldId="508"/>
            <ac:spMk id="5" creationId="{F45E28E8-E6C6-566C-A34C-F4F6AD99AF74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9:57.779" v="716"/>
          <ac:spMkLst>
            <pc:docMk/>
            <pc:sldMk cId="569517669" sldId="508"/>
            <ac:spMk id="6" creationId="{8A357858-79CF-3876-68AD-487248C720F5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5:55.717" v="670" actId="20577"/>
          <ac:spMkLst>
            <pc:docMk/>
            <pc:sldMk cId="569517669" sldId="508"/>
            <ac:spMk id="7" creationId="{96DD3525-68DE-8547-3932-CA6BA8FE974D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9:57.779" v="715"/>
          <ac:spMkLst>
            <pc:docMk/>
            <pc:sldMk cId="569517669" sldId="508"/>
            <ac:spMk id="8" creationId="{593DAAC2-B27B-E3D6-FCE5-027D61D3567F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6:04.421" v="676" actId="20577"/>
          <ac:spMkLst>
            <pc:docMk/>
            <pc:sldMk cId="569517669" sldId="508"/>
            <ac:spMk id="9" creationId="{DDC8CF6F-6DA0-AB0C-644C-EE8B91B87509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9:57.779" v="714"/>
          <ac:spMkLst>
            <pc:docMk/>
            <pc:sldMk cId="569517669" sldId="508"/>
            <ac:spMk id="10" creationId="{44A7B108-BB45-64B5-B0D1-9CF5FC86DFBF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6:06.421" v="678" actId="20577"/>
          <ac:spMkLst>
            <pc:docMk/>
            <pc:sldMk cId="569517669" sldId="508"/>
            <ac:spMk id="11" creationId="{73BBC908-19A0-1361-CDB2-FB06146B0E78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9:57.779" v="713"/>
          <ac:spMkLst>
            <pc:docMk/>
            <pc:sldMk cId="569517669" sldId="508"/>
            <ac:spMk id="12" creationId="{04EE2644-98CA-7F89-CEEA-B0F409866221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7:45.412" v="686" actId="1076"/>
          <ac:spMkLst>
            <pc:docMk/>
            <pc:sldMk cId="569517669" sldId="508"/>
            <ac:spMk id="13" creationId="{85E0F6C3-1232-1786-8931-903D6A2E2FFC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9:57.779" v="712"/>
          <ac:spMkLst>
            <pc:docMk/>
            <pc:sldMk cId="569517669" sldId="508"/>
            <ac:spMk id="14" creationId="{697A288A-9F59-600F-08BF-1A207095EBAD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6:12.343" v="682" actId="20577"/>
          <ac:spMkLst>
            <pc:docMk/>
            <pc:sldMk cId="569517669" sldId="508"/>
            <ac:spMk id="15" creationId="{598EE618-F9E4-6CC9-E182-C4842493DADA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5:59.265" v="672" actId="20577"/>
          <ac:spMkLst>
            <pc:docMk/>
            <pc:sldMk cId="569517669" sldId="508"/>
            <ac:spMk id="16" creationId="{550EE097-0E55-9E77-750B-339C4F48BE1B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43:17.792" v="857" actId="1076"/>
          <ac:spMkLst>
            <pc:docMk/>
            <pc:sldMk cId="569517669" sldId="508"/>
            <ac:spMk id="17" creationId="{C9A12D8F-0187-4C56-CC7F-B29260AE928D}"/>
          </ac:spMkLst>
        </pc:spChg>
        <pc:spChg chg="add del mod">
          <ac:chgData name="Mildenberger, Marcel" userId="S::marcel.mildenberger@sap.com::08374ceb-2c07-43ec-ada4-aa5def6ec01a" providerId="AD" clId="Web-{DBDE58EA-49BA-2FCC-77D7-80734CDED25F}" dt="2022-07-25T12:35:10.730" v="592"/>
          <ac:spMkLst>
            <pc:docMk/>
            <pc:sldMk cId="569517669" sldId="508"/>
            <ac:spMk id="18" creationId="{34094A21-F08A-B06A-E504-013358AA1EAB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36:14.750" v="684" actId="20577"/>
          <ac:spMkLst>
            <pc:docMk/>
            <pc:sldMk cId="569517669" sldId="508"/>
            <ac:spMk id="19" creationId="{34C71FF9-185F-65E3-D718-8931FE302737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41:34.676" v="786" actId="1076"/>
          <ac:spMkLst>
            <pc:docMk/>
            <pc:sldMk cId="569517669" sldId="508"/>
            <ac:spMk id="21" creationId="{FEDDDC88-BBB8-F6AC-7DE6-1870B5CA0C34}"/>
          </ac:spMkLst>
        </pc:spChg>
        <pc:spChg chg="add del mod">
          <ac:chgData name="Mildenberger, Marcel" userId="S::marcel.mildenberger@sap.com::08374ceb-2c07-43ec-ada4-aa5def6ec01a" providerId="AD" clId="Web-{DBDE58EA-49BA-2FCC-77D7-80734CDED25F}" dt="2022-07-25T12:42:16.928" v="790"/>
          <ac:spMkLst>
            <pc:docMk/>
            <pc:sldMk cId="569517669" sldId="508"/>
            <ac:spMk id="22" creationId="{11CE31A8-A995-04CB-B362-14A56967CFBE}"/>
          </ac:spMkLst>
        </pc:spChg>
        <pc:spChg chg="add mod">
          <ac:chgData name="Mildenberger, Marcel" userId="S::marcel.mildenberger@sap.com::08374ceb-2c07-43ec-ada4-aa5def6ec01a" providerId="AD" clId="Web-{DBDE58EA-49BA-2FCC-77D7-80734CDED25F}" dt="2022-07-25T12:45:51.504" v="954" actId="20577"/>
          <ac:spMkLst>
            <pc:docMk/>
            <pc:sldMk cId="569517669" sldId="508"/>
            <ac:spMk id="23" creationId="{04BE5D15-ECBF-D502-DF39-595A40DFEBFF}"/>
          </ac:spMkLst>
        </pc:spChg>
        <pc:spChg chg="add del mod">
          <ac:chgData name="Mildenberger, Marcel" userId="S::marcel.mildenberger@sap.com::08374ceb-2c07-43ec-ada4-aa5def6ec01a" providerId="AD" clId="Web-{DBDE58EA-49BA-2FCC-77D7-80734CDED25F}" dt="2022-07-25T12:45:55.098" v="955" actId="20577"/>
          <ac:spMkLst>
            <pc:docMk/>
            <pc:sldMk cId="569517669" sldId="508"/>
            <ac:spMk id="24" creationId="{8BF51A3D-20F4-8426-C9FE-E2E162EAC476}"/>
          </ac:spMkLst>
        </pc:spChg>
        <pc:cxnChg chg="add mod">
          <ac:chgData name="Mildenberger, Marcel" userId="S::marcel.mildenberger@sap.com::08374ceb-2c07-43ec-ada4-aa5def6ec01a" providerId="AD" clId="Web-{DBDE58EA-49BA-2FCC-77D7-80734CDED25F}" dt="2022-07-25T12:41:08.518" v="721" actId="1076"/>
          <ac:cxnSpMkLst>
            <pc:docMk/>
            <pc:sldMk cId="569517669" sldId="508"/>
            <ac:cxnSpMk id="20" creationId="{D5FA50A8-7C1D-A303-8F9E-074A8DC3B642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5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2688963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0490860" name="SAP Logo Placeholder" descr="{&quot;templafy&quot;:{&quot;id&quot;:&quot;da522401-a87b-444c-afc7-749d6baaace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1505060959" name="Acquired Company Logo Placeholder" descr="{&quot;templafy&quot;:{&quot;id&quot;:&quot;628eb5c2-7bdb-4c63-bde2-b21a86f0cd2b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insert title image or illustration</a:t>
            </a:r>
          </a:p>
        </p:txBody>
      </p:sp>
      <p:sp>
        <p:nvSpPr>
          <p:cNvPr id="12" name="TextBox 11" descr="{&quot;templafy&quot;:{&quot;id&quot;:&quot;2b84c555-ff71-47dd-941d-07d5407935f2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61735277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699606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6272780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775322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7715754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62848154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4185766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78860160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095120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065964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32252709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2557541" name="SAP Logo Placeholder" descr="{&quot;templafy&quot;:{&quot;id&quot;:&quot;e0bfc784-7f39-4c73-89da-2219f0ff454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6472133" name="Acquired Company Logo Placeholder" descr="{&quot;templafy&quot;:{&quot;id&quot;:&quot;22aabc01-a6ae-42cf-9f1b-fc4b5991f32c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10" name="TextBox 9" descr="{&quot;templafy&quot;:{&quot;id&quot;:&quot;97e600cd-3712-4dc0-8b06-cdaadd67425b&quot;}}">
            <a:extLst>
              <a:ext uri="{FF2B5EF4-FFF2-40B4-BE49-F238E27FC236}">
                <a16:creationId xmlns:a16="http://schemas.microsoft.com/office/drawing/2014/main" id="{14E1F6B7-745B-4555-A61F-CDA4E2C9B0A1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34058518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28587185" name="SAP Logo Placeholder" descr="{&quot;templafy&quot;:{&quot;id&quot;:&quot;60de306f-669d-475c-a952-a16c7b9bd4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694632627" name="Acquired Company Placeholder" descr="{&quot;templafy&quot;:{&quot;id&quot;:&quot;2cd65cdf-6598-48c2-9636-a977560d458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19A79796-4CD5-4F1B-AAEE-06619108AFD3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9369399-7537-014E-8548-AE2308F9BCCF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2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CBA063F5-6885-A980-B76F-0CD077AB3CDE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275193187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123CF58C-AA6A-8EBA-45B2-9DD6DA163CE9}"/>
              </a:ext>
            </a:extLst>
          </p:cNvPr>
          <p:cNvSpPr txBox="1"/>
          <p:nvPr userDrawn="1"/>
        </p:nvSpPr>
        <p:spPr>
          <a:xfrm>
            <a:off x="503239" y="2905127"/>
            <a:ext cx="183704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 information:</a:t>
            </a:r>
          </a:p>
        </p:txBody>
      </p:sp>
      <p:sp>
        <p:nvSpPr>
          <p:cNvPr id="4" name="Text Placeholder 9">
            <a:extLst>
              <a:ext uri="{FF2B5EF4-FFF2-40B4-BE49-F238E27FC236}">
                <a16:creationId xmlns:a16="http://schemas.microsoft.com/office/drawing/2014/main" id="{BA357835-32F6-EEE1-E52D-C4BE0711537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03369" y="3447695"/>
            <a:ext cx="4227518" cy="499711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Name</a:t>
            </a:r>
            <a:br>
              <a:rPr lang="en-US"/>
            </a:br>
            <a:r>
              <a:rPr lang="en-US"/>
              <a:t>Email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FA13066-D738-799F-D313-EF2A0203A1EA}"/>
              </a:ext>
            </a:extLst>
          </p:cNvPr>
          <p:cNvSpPr txBox="1"/>
          <p:nvPr userDrawn="1"/>
        </p:nvSpPr>
        <p:spPr>
          <a:xfrm>
            <a:off x="503369" y="1466850"/>
            <a:ext cx="4392391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108877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solidFill>
                  <a:schemeClr val="accent1"/>
                </a:solidFill>
                <a:latin typeface="Arial"/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7" name="SAP Logo Placeholder">
            <a:extLst>
              <a:ext uri="{FF2B5EF4-FFF2-40B4-BE49-F238E27FC236}">
                <a16:creationId xmlns:a16="http://schemas.microsoft.com/office/drawing/2014/main" id="{3E4C1B0F-E7AD-F98A-45A9-D865FE67089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9509760" y="5863339"/>
            <a:ext cx="2208436" cy="3999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777356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64344878" name="SAP Logo Placeholder" descr="{&quot;templafy&quot;:{&quot;id&quot;:&quot;4c7ccfdb-d77b-4fa0-aab4-f5979967d09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14AD55B4-8AE9-6D4D-9CF0-636F5502DA6B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1354093522" name="Acquired Company Logo Placeholder" descr="{&quot;templafy&quot;:{&quot;id&quot;:&quot;561a93f1-684f-40b9-9c89-7f3dadb0e094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5174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icon to insert title image or illustration</a:t>
            </a:r>
          </a:p>
        </p:txBody>
      </p:sp>
      <p:sp>
        <p:nvSpPr>
          <p:cNvPr id="11" name="TextBox 10" descr="{&quot;templafy&quot;:{&quot;id&quot;:&quot;6e9479aa-1cc5-4b36-b2b5-83d647c64a0e&quot;}}">
            <a:extLst>
              <a:ext uri="{FF2B5EF4-FFF2-40B4-BE49-F238E27FC236}">
                <a16:creationId xmlns:a16="http://schemas.microsoft.com/office/drawing/2014/main" id="{5FA1055D-AC51-4580-920B-2CFD930202F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2" name="TextBox 11" descr="{&quot;templafy&quot;:{&quot;id&quot;:&quot;07fc7460-5402-4dd0-863a-3536e97c2995&quot;}}">
            <a:extLst>
              <a:ext uri="{FF2B5EF4-FFF2-40B4-BE49-F238E27FC236}">
                <a16:creationId xmlns:a16="http://schemas.microsoft.com/office/drawing/2014/main" id="{5357850C-569C-4510-8035-5C1BD4B7A283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this Neunzig, SAP</a:t>
            </a:r>
          </a:p>
        </p:txBody>
      </p:sp>
      <p:sp>
        <p:nvSpPr>
          <p:cNvPr id="13" name="TextBox 12" descr="{&quot;templafy&quot;:{&quot;id&quot;:&quot;aaa23b05-214b-4eb2-846f-b16ab7f101a7&quot;}}">
            <a:extLst>
              <a:ext uri="{FF2B5EF4-FFF2-40B4-BE49-F238E27FC236}">
                <a16:creationId xmlns:a16="http://schemas.microsoft.com/office/drawing/2014/main" id="{695A2A91-58B8-49DD-8A11-6C97E80B3277}"/>
              </a:ext>
            </a:extLst>
          </p:cNvPr>
          <p:cNvSpPr txBox="1"/>
          <p:nvPr userDrawn="1"/>
        </p:nvSpPr>
        <p:spPr>
          <a:xfrm>
            <a:off x="280987" y="535061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uly 28, 2022</a:t>
            </a:r>
          </a:p>
        </p:txBody>
      </p:sp>
    </p:spTree>
    <p:extLst>
      <p:ext uri="{BB962C8B-B14F-4D97-AF65-F5344CB8AC3E}">
        <p14:creationId xmlns:p14="http://schemas.microsoft.com/office/powerpoint/2010/main" val="1661288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14966601" name="SAP Logo Placeholder" descr="{&quot;templafy&quot;:{&quot;id&quot;:&quot;02037f06-e18f-4d12-9129-d305daf6b0c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1671774120" name="Acquired Company Logo Placeholder" descr="{&quot;templafy&quot;:{&quot;id&quot;:&quot;6f75df13-bbaf-4231-af24-989e5cf23d93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/>
          </a:p>
        </p:txBody>
      </p:sp>
      <p:sp>
        <p:nvSpPr>
          <p:cNvPr id="9" name="TextBox 8" descr="{&quot;templafy&quot;:{&quot;id&quot;:&quot;b9019694-0ef5-478e-911d-e117ecac6d5c&quot;}}">
            <a:extLst>
              <a:ext uri="{FF2B5EF4-FFF2-40B4-BE49-F238E27FC236}">
                <a16:creationId xmlns:a16="http://schemas.microsoft.com/office/drawing/2014/main" id="{67DD20A5-C25F-4185-8EE3-21AD5478BC3E}"/>
              </a:ext>
            </a:extLst>
          </p:cNvPr>
          <p:cNvSpPr txBox="1"/>
          <p:nvPr userDrawn="1"/>
        </p:nvSpPr>
        <p:spPr>
          <a:xfrm>
            <a:off x="282575" y="575244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6b32e411-f4cb-49a7-b11d-995a91afa568&quot;}}">
            <a:extLst>
              <a:ext uri="{FF2B5EF4-FFF2-40B4-BE49-F238E27FC236}">
                <a16:creationId xmlns:a16="http://schemas.microsoft.com/office/drawing/2014/main" id="{6CCEA5EF-92B3-4BC9-A50D-61845483A300}"/>
              </a:ext>
            </a:extLst>
          </p:cNvPr>
          <p:cNvSpPr txBox="1"/>
          <p:nvPr userDrawn="1"/>
        </p:nvSpPr>
        <p:spPr>
          <a:xfrm>
            <a:off x="280987" y="52782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uly 28, 2022</a:t>
            </a:r>
          </a:p>
        </p:txBody>
      </p:sp>
      <p:sp>
        <p:nvSpPr>
          <p:cNvPr id="11" name="TextBox 10" descr="{&quot;templafy&quot;:{&quot;id&quot;:&quot;c6c078b4-1e23-4a69-9ceb-9e8f1b5c1803&quot;}}">
            <a:extLst>
              <a:ext uri="{FF2B5EF4-FFF2-40B4-BE49-F238E27FC236}">
                <a16:creationId xmlns:a16="http://schemas.microsoft.com/office/drawing/2014/main" id="{0E43B05E-A27C-45A1-9E1F-38C020F7A43D}"/>
              </a:ext>
            </a:extLst>
          </p:cNvPr>
          <p:cNvSpPr txBox="1"/>
          <p:nvPr userDrawn="1"/>
        </p:nvSpPr>
        <p:spPr>
          <a:xfrm>
            <a:off x="288000" y="50748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this Neunzig, SAP</a:t>
            </a:r>
          </a:p>
        </p:txBody>
      </p:sp>
    </p:spTree>
    <p:extLst>
      <p:ext uri="{BB962C8B-B14F-4D97-AF65-F5344CB8AC3E}">
        <p14:creationId xmlns:p14="http://schemas.microsoft.com/office/powerpoint/2010/main" val="5852645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12750788" name="SAP Logo Placeholder" descr="{&quot;templafy&quot;:{&quot;id&quot;:&quot;ad883454-7ac5-4eb6-924d-c93eb8a06eb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26432058" name="Acquired Company Logo Placeholder" descr="{&quot;templafy&quot;:{&quot;id&quot;:&quot;ba168bf7-6771-4b80-8474-b50472af062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877a7dc5-71c0-4728-8266-b8adbc4764ad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2" name="TextBox 11" descr="{&quot;templafy&quot;:{&quot;id&quot;:&quot;f52cf019-0b83-4630-a8e1-b023ed2cb689&quot;}}">
            <a:extLst>
              <a:ext uri="{FF2B5EF4-FFF2-40B4-BE49-F238E27FC236}">
                <a16:creationId xmlns:a16="http://schemas.microsoft.com/office/drawing/2014/main" id="{514B8905-F32F-46AB-8419-7B09B378BB9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uly 28, 2022</a:t>
            </a:r>
          </a:p>
        </p:txBody>
      </p:sp>
      <p:sp>
        <p:nvSpPr>
          <p:cNvPr id="13" name="TextBox 12" descr="{&quot;templafy&quot;:{&quot;id&quot;:&quot;52078333-18a1-4669-bdb4-330deea80043&quot;}}">
            <a:extLst>
              <a:ext uri="{FF2B5EF4-FFF2-40B4-BE49-F238E27FC236}">
                <a16:creationId xmlns:a16="http://schemas.microsoft.com/office/drawing/2014/main" id="{E742FBA8-D0CE-4820-9379-755436881113}"/>
              </a:ext>
            </a:extLst>
          </p:cNvPr>
          <p:cNvSpPr txBox="1"/>
          <p:nvPr userDrawn="1"/>
        </p:nvSpPr>
        <p:spPr>
          <a:xfrm>
            <a:off x="288000" y="425497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this Neunzig, SAP</a:t>
            </a:r>
          </a:p>
        </p:txBody>
      </p:sp>
    </p:spTree>
    <p:extLst>
      <p:ext uri="{BB962C8B-B14F-4D97-AF65-F5344CB8AC3E}">
        <p14:creationId xmlns:p14="http://schemas.microsoft.com/office/powerpoint/2010/main" val="1441809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57748157" name="SAP Logo Placeholer" descr="{&quot;templafy&quot;:{&quot;id&quot;:&quot;1dbce38e-2215-4385-a799-dd483e1ea82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7832350" name="Acquired Company Logo Placeholder" descr="{&quot;templafy&quot;:{&quot;id&quot;:&quot;4570f9f7-64a4-482c-a78c-77e7ecf980e5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fa57c874-fb1e-442a-bc6e-4ae9c632e856&quot;}}">
            <a:extLst>
              <a:ext uri="{FF2B5EF4-FFF2-40B4-BE49-F238E27FC236}">
                <a16:creationId xmlns:a16="http://schemas.microsoft.com/office/drawing/2014/main" id="{7B706199-4913-4B55-9B5D-8E70090DB84E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5e513e0a-f7aa-4cb8-ae81-466d5ad7b18b&quot;}}">
            <a:extLst>
              <a:ext uri="{FF2B5EF4-FFF2-40B4-BE49-F238E27FC236}">
                <a16:creationId xmlns:a16="http://schemas.microsoft.com/office/drawing/2014/main" id="{BFA42BAF-303C-4217-83B2-BF66D6B92631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uly 28, 2022</a:t>
            </a:r>
          </a:p>
        </p:txBody>
      </p:sp>
      <p:sp>
        <p:nvSpPr>
          <p:cNvPr id="15" name="TextBox 14" descr="{&quot;templafy&quot;:{&quot;id&quot;:&quot;b29b536e-9ae5-4b04-b831-da824047f383&quot;}}">
            <a:extLst>
              <a:ext uri="{FF2B5EF4-FFF2-40B4-BE49-F238E27FC236}">
                <a16:creationId xmlns:a16="http://schemas.microsoft.com/office/drawing/2014/main" id="{30AD90F8-89DC-425B-9F9C-7D34A3A1D673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this Neunzig, SAP</a:t>
            </a:r>
          </a:p>
        </p:txBody>
      </p:sp>
    </p:spTree>
    <p:extLst>
      <p:ext uri="{BB962C8B-B14F-4D97-AF65-F5344CB8AC3E}">
        <p14:creationId xmlns:p14="http://schemas.microsoft.com/office/powerpoint/2010/main" val="29327773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205290802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885882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228863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5510739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23601827" name="SAP Logo Placeholder" descr="{&quot;templafy&quot;:{&quot;id&quot;:&quot;c69b15ea-30de-41f6-b2bf-6a47ac745fb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TextBox 12" descr="{&quot;templafy&quot;:{&quot;id&quot;:&quot;32f9d58d-5b71-45f8-9426-7bdae828d0ce&quot;}}">
            <a:extLst>
              <a:ext uri="{FF2B5EF4-FFF2-40B4-BE49-F238E27FC236}">
                <a16:creationId xmlns:a16="http://schemas.microsoft.com/office/drawing/2014/main" id="{6A7CC13B-3BEA-49F2-B897-E2ABB5544BAE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242215100" name="Acquired Company Logo Placeholder" descr="{&quot;templafy&quot;:{&quot;id&quot;:&quot;4a3e78b5-ae68-4272-8343-f3584da9c75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441648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6288213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482142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73869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706230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2271936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3341081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2196670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2682097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01147970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4843240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68103480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789563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79151670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09533275" name="SAP Logo Placeholder" descr="{&quot;templafy&quot;:{&quot;id&quot;:&quot;5628a403-8f5e-4e6a-ad1a-6e60ec340eb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72137122" name="Acquired Company Logo Placeholder" descr="{&quot;templafy&quot;:{&quot;id&quot;:&quot;d1923ccb-2695-4164-9093-b34b2b2c99be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7" name="TextBox 6" descr="{&quot;templafy&quot;:{&quot;id&quot;:&quot;537f8130-c6ed-4dba-90ac-5f174f73f9a8&quot;}}">
            <a:extLst>
              <a:ext uri="{FF2B5EF4-FFF2-40B4-BE49-F238E27FC236}">
                <a16:creationId xmlns:a16="http://schemas.microsoft.com/office/drawing/2014/main" id="{001FF5C1-5032-44A0-8D2C-278B480A43BA}"/>
              </a:ext>
            </a:extLst>
          </p:cNvPr>
          <p:cNvSpPr txBox="1"/>
          <p:nvPr userDrawn="1"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this Neunzig</a:t>
            </a:r>
          </a:p>
        </p:txBody>
      </p:sp>
      <p:sp>
        <p:nvSpPr>
          <p:cNvPr id="8" name="TextBox 7" descr="{&quot;templafy&quot;:{&quot;id&quot;:&quot;299ba9ea-7fb8-491a-bedf-198c3926dc2a&quot;}}">
            <a:extLst>
              <a:ext uri="{FF2B5EF4-FFF2-40B4-BE49-F238E27FC236}">
                <a16:creationId xmlns:a16="http://schemas.microsoft.com/office/drawing/2014/main" id="{2D50994A-CAC8-48D5-B665-59364DCBE57A}"/>
              </a:ext>
            </a:extLst>
          </p:cNvPr>
          <p:cNvSpPr txBox="1"/>
          <p:nvPr userDrawn="1"/>
        </p:nvSpPr>
        <p:spPr>
          <a:xfrm>
            <a:off x="503238" y="357486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this.neunzig@sap.com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EC6E037-1168-2940-AB00-A7AB25F11B1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45BF3E4-EE50-CB4F-8BB4-6817D994631E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30800600-4F06-68BD-DD92-EE105380C9CE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7224449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4673126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849454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151832386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04002890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33495105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345425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1259447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4925554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21.xml"/><Relationship Id="rId63" Type="http://schemas.openxmlformats.org/officeDocument/2006/relationships/tags" Target="../tags/tag42.xml"/><Relationship Id="rId84" Type="http://schemas.openxmlformats.org/officeDocument/2006/relationships/tags" Target="../tags/tag63.xml"/><Relationship Id="rId138" Type="http://schemas.openxmlformats.org/officeDocument/2006/relationships/tags" Target="../tags/tag117.xml"/><Relationship Id="rId107" Type="http://schemas.openxmlformats.org/officeDocument/2006/relationships/tags" Target="../tags/tag86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1.xml"/><Relationship Id="rId53" Type="http://schemas.openxmlformats.org/officeDocument/2006/relationships/tags" Target="../tags/tag32.xml"/><Relationship Id="rId74" Type="http://schemas.openxmlformats.org/officeDocument/2006/relationships/tags" Target="../tags/tag53.xml"/><Relationship Id="rId128" Type="http://schemas.openxmlformats.org/officeDocument/2006/relationships/tags" Target="../tags/tag107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69.xml"/><Relationship Id="rId95" Type="http://schemas.openxmlformats.org/officeDocument/2006/relationships/tags" Target="../tags/tag74.xml"/><Relationship Id="rId22" Type="http://schemas.openxmlformats.org/officeDocument/2006/relationships/theme" Target="../theme/theme1.xml"/><Relationship Id="rId27" Type="http://schemas.openxmlformats.org/officeDocument/2006/relationships/tags" Target="../tags/tag6.xml"/><Relationship Id="rId43" Type="http://schemas.openxmlformats.org/officeDocument/2006/relationships/tags" Target="../tags/tag22.xml"/><Relationship Id="rId48" Type="http://schemas.openxmlformats.org/officeDocument/2006/relationships/tags" Target="../tags/tag27.xml"/><Relationship Id="rId64" Type="http://schemas.openxmlformats.org/officeDocument/2006/relationships/tags" Target="../tags/tag43.xml"/><Relationship Id="rId69" Type="http://schemas.openxmlformats.org/officeDocument/2006/relationships/tags" Target="../tags/tag48.xml"/><Relationship Id="rId113" Type="http://schemas.openxmlformats.org/officeDocument/2006/relationships/tags" Target="../tags/tag92.xml"/><Relationship Id="rId118" Type="http://schemas.openxmlformats.org/officeDocument/2006/relationships/tags" Target="../tags/tag97.xml"/><Relationship Id="rId134" Type="http://schemas.openxmlformats.org/officeDocument/2006/relationships/tags" Target="../tags/tag113.xml"/><Relationship Id="rId139" Type="http://schemas.openxmlformats.org/officeDocument/2006/relationships/tags" Target="../tags/tag118.xml"/><Relationship Id="rId80" Type="http://schemas.openxmlformats.org/officeDocument/2006/relationships/tags" Target="../tags/tag59.xml"/><Relationship Id="rId85" Type="http://schemas.openxmlformats.org/officeDocument/2006/relationships/tags" Target="../tags/tag6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2.xml"/><Relationship Id="rId38" Type="http://schemas.openxmlformats.org/officeDocument/2006/relationships/tags" Target="../tags/tag17.xml"/><Relationship Id="rId59" Type="http://schemas.openxmlformats.org/officeDocument/2006/relationships/tags" Target="../tags/tag38.xml"/><Relationship Id="rId103" Type="http://schemas.openxmlformats.org/officeDocument/2006/relationships/tags" Target="../tags/tag82.xml"/><Relationship Id="rId108" Type="http://schemas.openxmlformats.org/officeDocument/2006/relationships/tags" Target="../tags/tag87.xml"/><Relationship Id="rId124" Type="http://schemas.openxmlformats.org/officeDocument/2006/relationships/tags" Target="../tags/tag103.xml"/><Relationship Id="rId129" Type="http://schemas.openxmlformats.org/officeDocument/2006/relationships/tags" Target="../tags/tag108.xml"/><Relationship Id="rId54" Type="http://schemas.openxmlformats.org/officeDocument/2006/relationships/tags" Target="../tags/tag33.xml"/><Relationship Id="rId70" Type="http://schemas.openxmlformats.org/officeDocument/2006/relationships/tags" Target="../tags/tag49.xml"/><Relationship Id="rId75" Type="http://schemas.openxmlformats.org/officeDocument/2006/relationships/tags" Target="../tags/tag54.xml"/><Relationship Id="rId91" Type="http://schemas.openxmlformats.org/officeDocument/2006/relationships/tags" Target="../tags/tag70.xml"/><Relationship Id="rId96" Type="http://schemas.openxmlformats.org/officeDocument/2006/relationships/tags" Target="../tags/tag75.xml"/><Relationship Id="rId140" Type="http://schemas.openxmlformats.org/officeDocument/2006/relationships/tags" Target="../tags/tag119.xml"/><Relationship Id="rId145" Type="http://schemas.openxmlformats.org/officeDocument/2006/relationships/tags" Target="../tags/tag12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2.xml"/><Relationship Id="rId28" Type="http://schemas.openxmlformats.org/officeDocument/2006/relationships/tags" Target="../tags/tag7.xml"/><Relationship Id="rId49" Type="http://schemas.openxmlformats.org/officeDocument/2006/relationships/tags" Target="../tags/tag28.xml"/><Relationship Id="rId114" Type="http://schemas.openxmlformats.org/officeDocument/2006/relationships/tags" Target="../tags/tag93.xml"/><Relationship Id="rId119" Type="http://schemas.openxmlformats.org/officeDocument/2006/relationships/tags" Target="../tags/tag98.xml"/><Relationship Id="rId44" Type="http://schemas.openxmlformats.org/officeDocument/2006/relationships/tags" Target="../tags/tag23.xml"/><Relationship Id="rId60" Type="http://schemas.openxmlformats.org/officeDocument/2006/relationships/tags" Target="../tags/tag39.xml"/><Relationship Id="rId65" Type="http://schemas.openxmlformats.org/officeDocument/2006/relationships/tags" Target="../tags/tag44.xml"/><Relationship Id="rId81" Type="http://schemas.openxmlformats.org/officeDocument/2006/relationships/tags" Target="../tags/tag60.xml"/><Relationship Id="rId86" Type="http://schemas.openxmlformats.org/officeDocument/2006/relationships/tags" Target="../tags/tag65.xml"/><Relationship Id="rId130" Type="http://schemas.openxmlformats.org/officeDocument/2006/relationships/tags" Target="../tags/tag109.xml"/><Relationship Id="rId135" Type="http://schemas.openxmlformats.org/officeDocument/2006/relationships/tags" Target="../tags/tag114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8.xml"/><Relationship Id="rId109" Type="http://schemas.openxmlformats.org/officeDocument/2006/relationships/tags" Target="../tags/tag88.xml"/><Relationship Id="rId34" Type="http://schemas.openxmlformats.org/officeDocument/2006/relationships/tags" Target="../tags/tag13.xml"/><Relationship Id="rId50" Type="http://schemas.openxmlformats.org/officeDocument/2006/relationships/tags" Target="../tags/tag29.xml"/><Relationship Id="rId55" Type="http://schemas.openxmlformats.org/officeDocument/2006/relationships/tags" Target="../tags/tag34.xml"/><Relationship Id="rId76" Type="http://schemas.openxmlformats.org/officeDocument/2006/relationships/tags" Target="../tags/tag55.xml"/><Relationship Id="rId97" Type="http://schemas.openxmlformats.org/officeDocument/2006/relationships/tags" Target="../tags/tag76.xml"/><Relationship Id="rId104" Type="http://schemas.openxmlformats.org/officeDocument/2006/relationships/tags" Target="../tags/tag83.xml"/><Relationship Id="rId120" Type="http://schemas.openxmlformats.org/officeDocument/2006/relationships/tags" Target="../tags/tag99.xml"/><Relationship Id="rId125" Type="http://schemas.openxmlformats.org/officeDocument/2006/relationships/tags" Target="../tags/tag104.xml"/><Relationship Id="rId141" Type="http://schemas.openxmlformats.org/officeDocument/2006/relationships/tags" Target="../tags/tag120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0.xml"/><Relationship Id="rId92" Type="http://schemas.openxmlformats.org/officeDocument/2006/relationships/tags" Target="../tags/tag71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8.xml"/><Relationship Id="rId24" Type="http://schemas.openxmlformats.org/officeDocument/2006/relationships/tags" Target="../tags/tag3.xml"/><Relationship Id="rId40" Type="http://schemas.openxmlformats.org/officeDocument/2006/relationships/tags" Target="../tags/tag19.xml"/><Relationship Id="rId45" Type="http://schemas.openxmlformats.org/officeDocument/2006/relationships/tags" Target="../tags/tag24.xml"/><Relationship Id="rId66" Type="http://schemas.openxmlformats.org/officeDocument/2006/relationships/tags" Target="../tags/tag45.xml"/><Relationship Id="rId87" Type="http://schemas.openxmlformats.org/officeDocument/2006/relationships/tags" Target="../tags/tag66.xml"/><Relationship Id="rId110" Type="http://schemas.openxmlformats.org/officeDocument/2006/relationships/tags" Target="../tags/tag89.xml"/><Relationship Id="rId115" Type="http://schemas.openxmlformats.org/officeDocument/2006/relationships/tags" Target="../tags/tag94.xml"/><Relationship Id="rId131" Type="http://schemas.openxmlformats.org/officeDocument/2006/relationships/tags" Target="../tags/tag110.xml"/><Relationship Id="rId136" Type="http://schemas.openxmlformats.org/officeDocument/2006/relationships/tags" Target="../tags/tag115.xml"/><Relationship Id="rId61" Type="http://schemas.openxmlformats.org/officeDocument/2006/relationships/tags" Target="../tags/tag40.xml"/><Relationship Id="rId82" Type="http://schemas.openxmlformats.org/officeDocument/2006/relationships/tags" Target="../tags/tag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9.xml"/><Relationship Id="rId35" Type="http://schemas.openxmlformats.org/officeDocument/2006/relationships/tags" Target="../tags/tag14.xml"/><Relationship Id="rId56" Type="http://schemas.openxmlformats.org/officeDocument/2006/relationships/tags" Target="../tags/tag35.xml"/><Relationship Id="rId77" Type="http://schemas.openxmlformats.org/officeDocument/2006/relationships/tags" Target="../tags/tag56.xml"/><Relationship Id="rId100" Type="http://schemas.openxmlformats.org/officeDocument/2006/relationships/tags" Target="../tags/tag79.xml"/><Relationship Id="rId105" Type="http://schemas.openxmlformats.org/officeDocument/2006/relationships/tags" Target="../tags/tag84.xml"/><Relationship Id="rId126" Type="http://schemas.openxmlformats.org/officeDocument/2006/relationships/tags" Target="../tags/tag105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0.xml"/><Relationship Id="rId72" Type="http://schemas.openxmlformats.org/officeDocument/2006/relationships/tags" Target="../tags/tag51.xml"/><Relationship Id="rId93" Type="http://schemas.openxmlformats.org/officeDocument/2006/relationships/tags" Target="../tags/tag72.xml"/><Relationship Id="rId98" Type="http://schemas.openxmlformats.org/officeDocument/2006/relationships/tags" Target="../tags/tag77.xml"/><Relationship Id="rId121" Type="http://schemas.openxmlformats.org/officeDocument/2006/relationships/tags" Target="../tags/tag100.xml"/><Relationship Id="rId142" Type="http://schemas.openxmlformats.org/officeDocument/2006/relationships/tags" Target="../tags/tag121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4.xml"/><Relationship Id="rId46" Type="http://schemas.openxmlformats.org/officeDocument/2006/relationships/tags" Target="../tags/tag25.xml"/><Relationship Id="rId67" Type="http://schemas.openxmlformats.org/officeDocument/2006/relationships/tags" Target="../tags/tag46.xml"/><Relationship Id="rId116" Type="http://schemas.openxmlformats.org/officeDocument/2006/relationships/tags" Target="../tags/tag95.xml"/><Relationship Id="rId137" Type="http://schemas.openxmlformats.org/officeDocument/2006/relationships/tags" Target="../tags/tag116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0.xml"/><Relationship Id="rId62" Type="http://schemas.openxmlformats.org/officeDocument/2006/relationships/tags" Target="../tags/tag41.xml"/><Relationship Id="rId83" Type="http://schemas.openxmlformats.org/officeDocument/2006/relationships/tags" Target="../tags/tag62.xml"/><Relationship Id="rId88" Type="http://schemas.openxmlformats.org/officeDocument/2006/relationships/tags" Target="../tags/tag67.xml"/><Relationship Id="rId111" Type="http://schemas.openxmlformats.org/officeDocument/2006/relationships/tags" Target="../tags/tag90.xml"/><Relationship Id="rId132" Type="http://schemas.openxmlformats.org/officeDocument/2006/relationships/tags" Target="../tags/tag111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5.xml"/><Relationship Id="rId57" Type="http://schemas.openxmlformats.org/officeDocument/2006/relationships/tags" Target="../tags/tag36.xml"/><Relationship Id="rId106" Type="http://schemas.openxmlformats.org/officeDocument/2006/relationships/tags" Target="../tags/tag85.xml"/><Relationship Id="rId127" Type="http://schemas.openxmlformats.org/officeDocument/2006/relationships/tags" Target="../tags/tag106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0.xml"/><Relationship Id="rId52" Type="http://schemas.openxmlformats.org/officeDocument/2006/relationships/tags" Target="../tags/tag31.xml"/><Relationship Id="rId73" Type="http://schemas.openxmlformats.org/officeDocument/2006/relationships/tags" Target="../tags/tag52.xml"/><Relationship Id="rId78" Type="http://schemas.openxmlformats.org/officeDocument/2006/relationships/tags" Target="../tags/tag57.xml"/><Relationship Id="rId94" Type="http://schemas.openxmlformats.org/officeDocument/2006/relationships/tags" Target="../tags/tag73.xml"/><Relationship Id="rId99" Type="http://schemas.openxmlformats.org/officeDocument/2006/relationships/tags" Target="../tags/tag78.xml"/><Relationship Id="rId101" Type="http://schemas.openxmlformats.org/officeDocument/2006/relationships/tags" Target="../tags/tag80.xml"/><Relationship Id="rId122" Type="http://schemas.openxmlformats.org/officeDocument/2006/relationships/tags" Target="../tags/tag101.xml"/><Relationship Id="rId143" Type="http://schemas.openxmlformats.org/officeDocument/2006/relationships/tags" Target="../tags/tag12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5.xml"/><Relationship Id="rId47" Type="http://schemas.openxmlformats.org/officeDocument/2006/relationships/tags" Target="../tags/tag26.xml"/><Relationship Id="rId68" Type="http://schemas.openxmlformats.org/officeDocument/2006/relationships/tags" Target="../tags/tag47.xml"/><Relationship Id="rId89" Type="http://schemas.openxmlformats.org/officeDocument/2006/relationships/tags" Target="../tags/tag68.xml"/><Relationship Id="rId112" Type="http://schemas.openxmlformats.org/officeDocument/2006/relationships/tags" Target="../tags/tag91.xml"/><Relationship Id="rId133" Type="http://schemas.openxmlformats.org/officeDocument/2006/relationships/tags" Target="../tags/tag112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6.xml"/><Relationship Id="rId58" Type="http://schemas.openxmlformats.org/officeDocument/2006/relationships/tags" Target="../tags/tag37.xml"/><Relationship Id="rId79" Type="http://schemas.openxmlformats.org/officeDocument/2006/relationships/tags" Target="../tags/tag58.xml"/><Relationship Id="rId102" Type="http://schemas.openxmlformats.org/officeDocument/2006/relationships/tags" Target="../tags/tag81.xml"/><Relationship Id="rId123" Type="http://schemas.openxmlformats.org/officeDocument/2006/relationships/tags" Target="../tags/tag102.xml"/><Relationship Id="rId144" Type="http://schemas.openxmlformats.org/officeDocument/2006/relationships/tags" Target="../tags/tag123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19.xml"/><Relationship Id="rId21" Type="http://schemas.openxmlformats.org/officeDocument/2006/relationships/slideLayout" Target="../slideLayouts/slideLayout42.xml"/><Relationship Id="rId42" Type="http://schemas.openxmlformats.org/officeDocument/2006/relationships/tags" Target="../tags/tag144.xml"/><Relationship Id="rId63" Type="http://schemas.openxmlformats.org/officeDocument/2006/relationships/tags" Target="../tags/tag165.xml"/><Relationship Id="rId84" Type="http://schemas.openxmlformats.org/officeDocument/2006/relationships/tags" Target="../tags/tag186.xml"/><Relationship Id="rId138" Type="http://schemas.openxmlformats.org/officeDocument/2006/relationships/tags" Target="../tags/tag240.xml"/><Relationship Id="rId107" Type="http://schemas.openxmlformats.org/officeDocument/2006/relationships/tags" Target="../tags/tag209.xml"/><Relationship Id="rId11" Type="http://schemas.openxmlformats.org/officeDocument/2006/relationships/slideLayout" Target="../slideLayouts/slideLayout32.xml"/><Relationship Id="rId32" Type="http://schemas.openxmlformats.org/officeDocument/2006/relationships/tags" Target="../tags/tag134.xml"/><Relationship Id="rId53" Type="http://schemas.openxmlformats.org/officeDocument/2006/relationships/tags" Target="../tags/tag155.xml"/><Relationship Id="rId74" Type="http://schemas.openxmlformats.org/officeDocument/2006/relationships/tags" Target="../tags/tag176.xml"/><Relationship Id="rId128" Type="http://schemas.openxmlformats.org/officeDocument/2006/relationships/tags" Target="../tags/tag230.xml"/><Relationship Id="rId5" Type="http://schemas.openxmlformats.org/officeDocument/2006/relationships/slideLayout" Target="../slideLayouts/slideLayout26.xml"/><Relationship Id="rId90" Type="http://schemas.openxmlformats.org/officeDocument/2006/relationships/tags" Target="../tags/tag192.xml"/><Relationship Id="rId95" Type="http://schemas.openxmlformats.org/officeDocument/2006/relationships/tags" Target="../tags/tag197.xml"/><Relationship Id="rId22" Type="http://schemas.openxmlformats.org/officeDocument/2006/relationships/theme" Target="../theme/theme2.xml"/><Relationship Id="rId27" Type="http://schemas.openxmlformats.org/officeDocument/2006/relationships/tags" Target="../tags/tag129.xml"/><Relationship Id="rId43" Type="http://schemas.openxmlformats.org/officeDocument/2006/relationships/tags" Target="../tags/tag145.xml"/><Relationship Id="rId48" Type="http://schemas.openxmlformats.org/officeDocument/2006/relationships/tags" Target="../tags/tag150.xml"/><Relationship Id="rId64" Type="http://schemas.openxmlformats.org/officeDocument/2006/relationships/tags" Target="../tags/tag166.xml"/><Relationship Id="rId69" Type="http://schemas.openxmlformats.org/officeDocument/2006/relationships/tags" Target="../tags/tag171.xml"/><Relationship Id="rId113" Type="http://schemas.openxmlformats.org/officeDocument/2006/relationships/tags" Target="../tags/tag215.xml"/><Relationship Id="rId118" Type="http://schemas.openxmlformats.org/officeDocument/2006/relationships/tags" Target="../tags/tag220.xml"/><Relationship Id="rId134" Type="http://schemas.openxmlformats.org/officeDocument/2006/relationships/tags" Target="../tags/tag236.xml"/><Relationship Id="rId139" Type="http://schemas.openxmlformats.org/officeDocument/2006/relationships/tags" Target="../tags/tag241.xml"/><Relationship Id="rId80" Type="http://schemas.openxmlformats.org/officeDocument/2006/relationships/tags" Target="../tags/tag182.xml"/><Relationship Id="rId85" Type="http://schemas.openxmlformats.org/officeDocument/2006/relationships/tags" Target="../tags/tag187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33" Type="http://schemas.openxmlformats.org/officeDocument/2006/relationships/tags" Target="../tags/tag135.xml"/><Relationship Id="rId38" Type="http://schemas.openxmlformats.org/officeDocument/2006/relationships/tags" Target="../tags/tag140.xml"/><Relationship Id="rId59" Type="http://schemas.openxmlformats.org/officeDocument/2006/relationships/tags" Target="../tags/tag161.xml"/><Relationship Id="rId103" Type="http://schemas.openxmlformats.org/officeDocument/2006/relationships/tags" Target="../tags/tag205.xml"/><Relationship Id="rId108" Type="http://schemas.openxmlformats.org/officeDocument/2006/relationships/tags" Target="../tags/tag210.xml"/><Relationship Id="rId124" Type="http://schemas.openxmlformats.org/officeDocument/2006/relationships/tags" Target="../tags/tag226.xml"/><Relationship Id="rId129" Type="http://schemas.openxmlformats.org/officeDocument/2006/relationships/tags" Target="../tags/tag231.xml"/><Relationship Id="rId54" Type="http://schemas.openxmlformats.org/officeDocument/2006/relationships/tags" Target="../tags/tag156.xml"/><Relationship Id="rId70" Type="http://schemas.openxmlformats.org/officeDocument/2006/relationships/tags" Target="../tags/tag172.xml"/><Relationship Id="rId75" Type="http://schemas.openxmlformats.org/officeDocument/2006/relationships/tags" Target="../tags/tag177.xml"/><Relationship Id="rId91" Type="http://schemas.openxmlformats.org/officeDocument/2006/relationships/tags" Target="../tags/tag193.xml"/><Relationship Id="rId96" Type="http://schemas.openxmlformats.org/officeDocument/2006/relationships/tags" Target="../tags/tag198.xml"/><Relationship Id="rId140" Type="http://schemas.openxmlformats.org/officeDocument/2006/relationships/tags" Target="../tags/tag242.xml"/><Relationship Id="rId145" Type="http://schemas.openxmlformats.org/officeDocument/2006/relationships/tags" Target="../tags/tag247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23" Type="http://schemas.openxmlformats.org/officeDocument/2006/relationships/tags" Target="../tags/tag125.xml"/><Relationship Id="rId28" Type="http://schemas.openxmlformats.org/officeDocument/2006/relationships/tags" Target="../tags/tag130.xml"/><Relationship Id="rId49" Type="http://schemas.openxmlformats.org/officeDocument/2006/relationships/tags" Target="../tags/tag151.xml"/><Relationship Id="rId114" Type="http://schemas.openxmlformats.org/officeDocument/2006/relationships/tags" Target="../tags/tag216.xml"/><Relationship Id="rId119" Type="http://schemas.openxmlformats.org/officeDocument/2006/relationships/tags" Target="../tags/tag221.xml"/><Relationship Id="rId44" Type="http://schemas.openxmlformats.org/officeDocument/2006/relationships/tags" Target="../tags/tag146.xml"/><Relationship Id="rId60" Type="http://schemas.openxmlformats.org/officeDocument/2006/relationships/tags" Target="../tags/tag162.xml"/><Relationship Id="rId65" Type="http://schemas.openxmlformats.org/officeDocument/2006/relationships/tags" Target="../tags/tag167.xml"/><Relationship Id="rId81" Type="http://schemas.openxmlformats.org/officeDocument/2006/relationships/tags" Target="../tags/tag183.xml"/><Relationship Id="rId86" Type="http://schemas.openxmlformats.org/officeDocument/2006/relationships/tags" Target="../tags/tag188.xml"/><Relationship Id="rId130" Type="http://schemas.openxmlformats.org/officeDocument/2006/relationships/tags" Target="../tags/tag232.xml"/><Relationship Id="rId135" Type="http://schemas.openxmlformats.org/officeDocument/2006/relationships/tags" Target="../tags/tag237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9" Type="http://schemas.openxmlformats.org/officeDocument/2006/relationships/tags" Target="../tags/tag141.xml"/><Relationship Id="rId109" Type="http://schemas.openxmlformats.org/officeDocument/2006/relationships/tags" Target="../tags/tag211.xml"/><Relationship Id="rId34" Type="http://schemas.openxmlformats.org/officeDocument/2006/relationships/tags" Target="../tags/tag136.xml"/><Relationship Id="rId50" Type="http://schemas.openxmlformats.org/officeDocument/2006/relationships/tags" Target="../tags/tag152.xml"/><Relationship Id="rId55" Type="http://schemas.openxmlformats.org/officeDocument/2006/relationships/tags" Target="../tags/tag157.xml"/><Relationship Id="rId76" Type="http://schemas.openxmlformats.org/officeDocument/2006/relationships/tags" Target="../tags/tag178.xml"/><Relationship Id="rId97" Type="http://schemas.openxmlformats.org/officeDocument/2006/relationships/tags" Target="../tags/tag199.xml"/><Relationship Id="rId104" Type="http://schemas.openxmlformats.org/officeDocument/2006/relationships/tags" Target="../tags/tag206.xml"/><Relationship Id="rId120" Type="http://schemas.openxmlformats.org/officeDocument/2006/relationships/tags" Target="../tags/tag222.xml"/><Relationship Id="rId125" Type="http://schemas.openxmlformats.org/officeDocument/2006/relationships/tags" Target="../tags/tag227.xml"/><Relationship Id="rId141" Type="http://schemas.openxmlformats.org/officeDocument/2006/relationships/tags" Target="../tags/tag243.xml"/><Relationship Id="rId7" Type="http://schemas.openxmlformats.org/officeDocument/2006/relationships/slideLayout" Target="../slideLayouts/slideLayout28.xml"/><Relationship Id="rId71" Type="http://schemas.openxmlformats.org/officeDocument/2006/relationships/tags" Target="../tags/tag173.xml"/><Relationship Id="rId92" Type="http://schemas.openxmlformats.org/officeDocument/2006/relationships/tags" Target="../tags/tag194.xml"/><Relationship Id="rId2" Type="http://schemas.openxmlformats.org/officeDocument/2006/relationships/slideLayout" Target="../slideLayouts/slideLayout23.xml"/><Relationship Id="rId29" Type="http://schemas.openxmlformats.org/officeDocument/2006/relationships/tags" Target="../tags/tag131.xml"/><Relationship Id="rId24" Type="http://schemas.openxmlformats.org/officeDocument/2006/relationships/tags" Target="../tags/tag126.xml"/><Relationship Id="rId40" Type="http://schemas.openxmlformats.org/officeDocument/2006/relationships/tags" Target="../tags/tag142.xml"/><Relationship Id="rId45" Type="http://schemas.openxmlformats.org/officeDocument/2006/relationships/tags" Target="../tags/tag147.xml"/><Relationship Id="rId66" Type="http://schemas.openxmlformats.org/officeDocument/2006/relationships/tags" Target="../tags/tag168.xml"/><Relationship Id="rId87" Type="http://schemas.openxmlformats.org/officeDocument/2006/relationships/tags" Target="../tags/tag189.xml"/><Relationship Id="rId110" Type="http://schemas.openxmlformats.org/officeDocument/2006/relationships/tags" Target="../tags/tag212.xml"/><Relationship Id="rId115" Type="http://schemas.openxmlformats.org/officeDocument/2006/relationships/tags" Target="../tags/tag217.xml"/><Relationship Id="rId131" Type="http://schemas.openxmlformats.org/officeDocument/2006/relationships/tags" Target="../tags/tag233.xml"/><Relationship Id="rId136" Type="http://schemas.openxmlformats.org/officeDocument/2006/relationships/tags" Target="../tags/tag238.xml"/><Relationship Id="rId61" Type="http://schemas.openxmlformats.org/officeDocument/2006/relationships/tags" Target="../tags/tag163.xml"/><Relationship Id="rId82" Type="http://schemas.openxmlformats.org/officeDocument/2006/relationships/tags" Target="../tags/tag184.xml"/><Relationship Id="rId1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35.xml"/><Relationship Id="rId30" Type="http://schemas.openxmlformats.org/officeDocument/2006/relationships/tags" Target="../tags/tag132.xml"/><Relationship Id="rId35" Type="http://schemas.openxmlformats.org/officeDocument/2006/relationships/tags" Target="../tags/tag137.xml"/><Relationship Id="rId56" Type="http://schemas.openxmlformats.org/officeDocument/2006/relationships/tags" Target="../tags/tag158.xml"/><Relationship Id="rId77" Type="http://schemas.openxmlformats.org/officeDocument/2006/relationships/tags" Target="../tags/tag179.xml"/><Relationship Id="rId100" Type="http://schemas.openxmlformats.org/officeDocument/2006/relationships/tags" Target="../tags/tag202.xml"/><Relationship Id="rId105" Type="http://schemas.openxmlformats.org/officeDocument/2006/relationships/tags" Target="../tags/tag207.xml"/><Relationship Id="rId126" Type="http://schemas.openxmlformats.org/officeDocument/2006/relationships/tags" Target="../tags/tag228.xml"/><Relationship Id="rId8" Type="http://schemas.openxmlformats.org/officeDocument/2006/relationships/slideLayout" Target="../slideLayouts/slideLayout29.xml"/><Relationship Id="rId51" Type="http://schemas.openxmlformats.org/officeDocument/2006/relationships/tags" Target="../tags/tag153.xml"/><Relationship Id="rId72" Type="http://schemas.openxmlformats.org/officeDocument/2006/relationships/tags" Target="../tags/tag174.xml"/><Relationship Id="rId93" Type="http://schemas.openxmlformats.org/officeDocument/2006/relationships/tags" Target="../tags/tag195.xml"/><Relationship Id="rId98" Type="http://schemas.openxmlformats.org/officeDocument/2006/relationships/tags" Target="../tags/tag200.xml"/><Relationship Id="rId121" Type="http://schemas.openxmlformats.org/officeDocument/2006/relationships/tags" Target="../tags/tag223.xml"/><Relationship Id="rId142" Type="http://schemas.openxmlformats.org/officeDocument/2006/relationships/tags" Target="../tags/tag244.xml"/><Relationship Id="rId3" Type="http://schemas.openxmlformats.org/officeDocument/2006/relationships/slideLayout" Target="../slideLayouts/slideLayout24.xml"/><Relationship Id="rId25" Type="http://schemas.openxmlformats.org/officeDocument/2006/relationships/tags" Target="../tags/tag127.xml"/><Relationship Id="rId46" Type="http://schemas.openxmlformats.org/officeDocument/2006/relationships/tags" Target="../tags/tag148.xml"/><Relationship Id="rId67" Type="http://schemas.openxmlformats.org/officeDocument/2006/relationships/tags" Target="../tags/tag169.xml"/><Relationship Id="rId116" Type="http://schemas.openxmlformats.org/officeDocument/2006/relationships/tags" Target="../tags/tag218.xml"/><Relationship Id="rId137" Type="http://schemas.openxmlformats.org/officeDocument/2006/relationships/tags" Target="../tags/tag239.xml"/><Relationship Id="rId20" Type="http://schemas.openxmlformats.org/officeDocument/2006/relationships/slideLayout" Target="../slideLayouts/slideLayout41.xml"/><Relationship Id="rId41" Type="http://schemas.openxmlformats.org/officeDocument/2006/relationships/tags" Target="../tags/tag143.xml"/><Relationship Id="rId62" Type="http://schemas.openxmlformats.org/officeDocument/2006/relationships/tags" Target="../tags/tag164.xml"/><Relationship Id="rId83" Type="http://schemas.openxmlformats.org/officeDocument/2006/relationships/tags" Target="../tags/tag185.xml"/><Relationship Id="rId88" Type="http://schemas.openxmlformats.org/officeDocument/2006/relationships/tags" Target="../tags/tag190.xml"/><Relationship Id="rId111" Type="http://schemas.openxmlformats.org/officeDocument/2006/relationships/tags" Target="../tags/tag213.xml"/><Relationship Id="rId132" Type="http://schemas.openxmlformats.org/officeDocument/2006/relationships/tags" Target="../tags/tag234.xml"/><Relationship Id="rId15" Type="http://schemas.openxmlformats.org/officeDocument/2006/relationships/slideLayout" Target="../slideLayouts/slideLayout36.xml"/><Relationship Id="rId36" Type="http://schemas.openxmlformats.org/officeDocument/2006/relationships/tags" Target="../tags/tag138.xml"/><Relationship Id="rId57" Type="http://schemas.openxmlformats.org/officeDocument/2006/relationships/tags" Target="../tags/tag159.xml"/><Relationship Id="rId106" Type="http://schemas.openxmlformats.org/officeDocument/2006/relationships/tags" Target="../tags/tag208.xml"/><Relationship Id="rId127" Type="http://schemas.openxmlformats.org/officeDocument/2006/relationships/tags" Target="../tags/tag229.xml"/><Relationship Id="rId10" Type="http://schemas.openxmlformats.org/officeDocument/2006/relationships/slideLayout" Target="../slideLayouts/slideLayout31.xml"/><Relationship Id="rId31" Type="http://schemas.openxmlformats.org/officeDocument/2006/relationships/tags" Target="../tags/tag133.xml"/><Relationship Id="rId52" Type="http://schemas.openxmlformats.org/officeDocument/2006/relationships/tags" Target="../tags/tag154.xml"/><Relationship Id="rId73" Type="http://schemas.openxmlformats.org/officeDocument/2006/relationships/tags" Target="../tags/tag175.xml"/><Relationship Id="rId78" Type="http://schemas.openxmlformats.org/officeDocument/2006/relationships/tags" Target="../tags/tag180.xml"/><Relationship Id="rId94" Type="http://schemas.openxmlformats.org/officeDocument/2006/relationships/tags" Target="../tags/tag196.xml"/><Relationship Id="rId99" Type="http://schemas.openxmlformats.org/officeDocument/2006/relationships/tags" Target="../tags/tag201.xml"/><Relationship Id="rId101" Type="http://schemas.openxmlformats.org/officeDocument/2006/relationships/tags" Target="../tags/tag203.xml"/><Relationship Id="rId122" Type="http://schemas.openxmlformats.org/officeDocument/2006/relationships/tags" Target="../tags/tag224.xml"/><Relationship Id="rId143" Type="http://schemas.openxmlformats.org/officeDocument/2006/relationships/tags" Target="../tags/tag245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26" Type="http://schemas.openxmlformats.org/officeDocument/2006/relationships/tags" Target="../tags/tag128.xml"/><Relationship Id="rId47" Type="http://schemas.openxmlformats.org/officeDocument/2006/relationships/tags" Target="../tags/tag149.xml"/><Relationship Id="rId68" Type="http://schemas.openxmlformats.org/officeDocument/2006/relationships/tags" Target="../tags/tag170.xml"/><Relationship Id="rId89" Type="http://schemas.openxmlformats.org/officeDocument/2006/relationships/tags" Target="../tags/tag191.xml"/><Relationship Id="rId112" Type="http://schemas.openxmlformats.org/officeDocument/2006/relationships/tags" Target="../tags/tag214.xml"/><Relationship Id="rId133" Type="http://schemas.openxmlformats.org/officeDocument/2006/relationships/tags" Target="../tags/tag235.xml"/><Relationship Id="rId16" Type="http://schemas.openxmlformats.org/officeDocument/2006/relationships/slideLayout" Target="../slideLayouts/slideLayout37.xml"/><Relationship Id="rId37" Type="http://schemas.openxmlformats.org/officeDocument/2006/relationships/tags" Target="../tags/tag139.xml"/><Relationship Id="rId58" Type="http://schemas.openxmlformats.org/officeDocument/2006/relationships/tags" Target="../tags/tag160.xml"/><Relationship Id="rId79" Type="http://schemas.openxmlformats.org/officeDocument/2006/relationships/tags" Target="../tags/tag181.xml"/><Relationship Id="rId102" Type="http://schemas.openxmlformats.org/officeDocument/2006/relationships/tags" Target="../tags/tag204.xml"/><Relationship Id="rId123" Type="http://schemas.openxmlformats.org/officeDocument/2006/relationships/tags" Target="../tags/tag225.xml"/><Relationship Id="rId144" Type="http://schemas.openxmlformats.org/officeDocument/2006/relationships/tags" Target="../tags/tag246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3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4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5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6" name="Copyright Placeholder" descr="{&quot;templafy&quot;:{&quot;id&quot;:&quot;d7845d3f-e7f8-4f23-8b3f-5532b60c6e1a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38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FE89B846-6AF7-4108-ABED-6B5182BCE158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99169179-DA9C-47C0-A041-79060B0757A9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FA01E96-FED5-4D30-82E3-6677D9024C01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5E9B1FB7-5289-4804-92A6-1D2DD27AAAF3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6ACFA597-48F4-4AD5-9647-26AE58A1C211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69C8758-2E0A-4B33-9412-5FB219230C0F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C84E3DD7-EEEE-4E79-A1F4-9881AC64805E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9555B756-41A1-4166-95EC-3E0013A84FFA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7F82F511-9D06-4AB3-B411-CD09118F011E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F321D70-D666-475C-8316-6FB98A39DCA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A026927B-5598-49BE-ADF0-EBDD84F8CA40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765BCA01-F58E-4158-902F-BDA0726AF6F3}"/>
              </a:ext>
            </a:extLst>
          </p:cNvPr>
          <p:cNvGrpSpPr>
            <a:grpSpLocks/>
          </p:cNvGrpSpPr>
          <p:nvPr userDrawn="1">
            <p:custDataLst>
              <p:tags r:id="rId2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59E269C4-80A0-4C79-84A3-86D65D88D303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FE5B899B-FAA5-46D6-959C-4E82A746B7D8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68130D7F-9B64-4D48-8394-1CEF0F395435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CA37B820-5DB4-4793-8810-0501A878E5C9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8293F1D2-6CC7-4ED5-9C9C-AF8770DD123F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22D686D1-3771-4C46-A80F-302A913D4768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3A0779C8-0020-47AC-948A-9118FAA7B772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9F25D789-4BDD-43A2-AE90-A25405CFEB73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31662074-9438-427E-AE07-650B845DE24C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CC1D4E0C-5E8B-4067-AC2C-4C5324E92F75}"/>
              </a:ext>
            </a:extLst>
          </p:cNvPr>
          <p:cNvGrpSpPr/>
          <p:nvPr userDrawn="1">
            <p:custDataLst>
              <p:tags r:id="rId26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5F5F4DE9-B15D-40A4-AC1A-AF4367184AA5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8D89B239-77FB-4227-9709-EF4E42F9FDEF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6760F260-455F-405E-B44D-086CF7D59A8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14CF8B8C-E1B5-4D1E-BBD1-5034DEB90BB0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BC9379C0-8C0E-4310-B6E8-01DC4CE69504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6921039E-4D4B-4C40-B53C-6DD3A9593835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653DACFF-80EE-4E96-AB72-5084695AE6C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E2BC8390-0B9E-4925-A929-AFB22E14DB4A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0B46FA3E-733F-4289-A9BF-33B4FCEDBCA9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30B0CF3-81E1-4A84-B577-91947BEE11CC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D3E6ADC1-D32E-4CA3-A18D-67F9A8A239E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0271145-27A6-4340-ABCD-159636363A38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640C5DCE-0FF9-43CA-B7C7-D1547E7FF21C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9D6386A-1EE2-42B2-8C97-97992F98F348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0D583C3C-C16A-4DE3-A217-9C7094F5B95F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79B871D4-6EA6-4286-94EC-551308D8F36A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2C6DB974-E7F0-49C3-B7D6-4F94ED16DA5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433E8C2A-A691-4DAF-B2A2-F311FBD1045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4EF01B37-AA79-402B-9596-3432890FBDDF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B9B9F65E-3A82-42E5-A058-FA77E0EAE2B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A5115B87-B844-4B9F-8287-377A8195E6AA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FD40013-CB39-4FC5-8D23-8797F9A9A6F6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4ECB2ABF-8B38-4A6C-8C13-30201391D03A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F4295FD9-E564-4EC3-A991-50B0A458F633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5D30ABB5-FB12-4F99-99AF-6432406AD55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5AD1B4EA-41C7-40F4-94AE-EDFE91A323B1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14E28EAE-D1B4-4AA6-AA61-3E1CFE0D3152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AE3F59C-9B0D-41AF-AC67-E960346B9F7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EDD48677-21B4-4A9C-88DD-80C7C61CE2F2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938C89BD-9250-4437-B6F9-AF8A0A4AE53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4A8BA45A-8E03-4D7E-AC5E-FBE5FA7A7CA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566C1A3F-0FB0-4385-B930-98DA92DD5662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47F77D56-8FB2-4C5F-9E9A-12AA99960BEB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9C83795D-05D9-41FD-9A7A-349BFC146DD9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8BAC9300-67A2-4241-8F54-9BFC6614D38B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12C83148-370F-4339-B189-46AF44A9D1ED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5947D6A7-8889-4BEF-A521-5A5DD81AD313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280A5444-27A9-4FCB-A5F4-7641D29A230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A6DB1EE-C84C-4D51-B283-1F4406561F80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0A681B6-99E1-47DD-BD34-E4360A73FE9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AEDA4963-1C7B-4A57-98B6-2523ED54BB00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7DACDDDE-AA6D-482C-89AE-01CDB61B08F4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4647E617-23B8-4509-9A6D-F9E95BB52370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DB853EF3-F5A2-4608-B94A-33778F31BA47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BD771DDD-09FF-46AE-A1B5-DDF167CE333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0E91BFFE-B88B-47BC-8731-215FB246A2D2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A110599D-190F-4563-AAA0-2F2147A91E5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72454AB1-4F76-406C-B8E5-3A8C37C9C7D6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EC72C611-03FA-49E4-B424-C8207E61236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778C19EB-1129-43A5-949A-82D6BBA1EB9A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77FCEB36-C708-40D7-BF07-45971CB7DF3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592F1DA2-05C3-45DC-BB3B-4A5BB443067B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0E4E1CAF-AEAF-4151-A722-657A91909994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C958DC42-0A59-43B2-8DBD-D97A2794A827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CBE89F6B-9D94-4626-B6B5-60023DC95921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C84220BE-BEE7-4FD5-BBBA-813CB8AFAD2D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EDB2AE7D-2977-4BA9-AA96-19D2ACBFAD54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D6433025-FDA2-42EF-8BFC-7AD3E77EFE24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D01DF689-CA0A-4CFB-B2C2-C10499F19524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D5C9487D-C4E6-4783-B9FC-198B4E19450D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7B7492B-090B-48BF-A8AA-BEDD9F908FF2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81DB4CAF-E10C-4C29-977A-84C62E43D95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F5CBA219-7D94-438E-8137-4E0E0313148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D9463116-11FD-4D69-A0B4-BAFCEE67742B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06589E73-815C-492B-950F-E4BEC750FA6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B0D0BC66-A236-4042-8FF1-616053390E3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B59A346D-87CA-4ABA-95F7-2ADEF9FA0E7C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7B745F1E-402D-422C-B697-E39F2BADDDC3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1B03370F-9DC1-4669-A15C-538F3203CFFF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6A7E7859-E42D-466E-9931-D6267E98DDCF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3C8F215-AEE8-47E4-B634-ED0FADB320DA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3CA04B9A-0E04-4A40-9491-6B11DE9EE5C2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33AD1833-C28A-4289-81FB-EBBF85B84434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CE8FF42B-40DD-4A3E-B0A5-764085FCA134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47E4DE10-04D6-41A9-B5C0-BF0C83871F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253920-4B35-4FD5-9E3F-904AF4526E0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4D4CB5F-D904-466F-BD9D-6F99AC9FA012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0279CFEC-FAD3-415E-A566-9EB224260A37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C13A7925-6954-45CE-AB71-0E2AE5E71A00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7855048E-75B9-4F57-9140-4C06F2F756C4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C78D7A4B-51CB-4C1F-9ADF-48EA951912C1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3C98F71A-9960-4780-A4F1-D620072AF6E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E5E9D3E3-42E9-4B73-BCA8-D9E4F295E7C8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FC7072CE-16FE-4E92-9855-931F0F46CA13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8279950-0241-4322-B414-B356D78F638F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DBD704E-29C2-4051-A5BC-3B7782085B6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19BF9C80-E0AA-4B6B-B12E-D132300AA3A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D7350B3-805F-4284-8404-F6775D58761D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0BC9DA8F-6331-4469-8DF9-FAEFD350A68B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9A590412-EC2C-495A-9061-251C8CFD132C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DA2C5CA4-D7B3-4788-B67D-A338C7F5A67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E9987490-0522-4E4B-9E08-8D60B580F6F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60AB24C9-9454-404F-A009-2BF1FB21F6D7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A5D269EC-8859-426D-804D-8A6C731B766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0BA87CE9-C389-4533-BC7E-F00DA5BEB646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A7A110E6-0A13-4959-8528-915D8359D3CC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CF0CED7E-F677-4972-9230-728DC17BE7CF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68D6AE02-C70C-4745-B2A4-FA6BCA2C9D3B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87EFC954-3890-4C0B-B6AD-557266289AB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7336024C-30A8-460A-A099-830B7238EF9C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C98CD859-6103-4F45-9CC2-9DE5DEA4676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778AC6CB-C882-4274-AA3C-9EF2007AB701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C31A2269-2FD7-45EF-AF2A-D93632DDEA55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0401C3CC-FCD1-4031-AD93-3805391DEAD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34BB17A2-40D2-408C-AA70-A839F984C59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C084983F-15AF-4B68-ABA4-6308BDFF915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9F7EC2D-90E8-48EE-AE99-4C285C7EC6E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44411D5F-2DDE-450F-B114-91EB514EEE90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3E77BF40-AB5F-49A6-835E-18C315FB092A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64D426BB-4684-445F-A040-DC78BB8F8701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538E1858-1BB6-4366-A92D-E0413CF0182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9EFBF81-C4F3-4C9C-A184-818056118426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5151687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789" r:id="rId1"/>
    <p:sldLayoutId id="2147483790" r:id="rId2"/>
    <p:sldLayoutId id="2147483791" r:id="rId3"/>
    <p:sldLayoutId id="2147483792" r:id="rId4"/>
    <p:sldLayoutId id="2147483793" r:id="rId5"/>
    <p:sldLayoutId id="2147483794" r:id="rId6"/>
    <p:sldLayoutId id="2147483795" r:id="rId7"/>
    <p:sldLayoutId id="2147483796" r:id="rId8"/>
    <p:sldLayoutId id="2147483797" r:id="rId9"/>
    <p:sldLayoutId id="2147483798" r:id="rId10"/>
    <p:sldLayoutId id="2147483799" r:id="rId11"/>
    <p:sldLayoutId id="2147483800" r:id="rId12"/>
    <p:sldLayoutId id="2147483801" r:id="rId13"/>
    <p:sldLayoutId id="2147483802" r:id="rId14"/>
    <p:sldLayoutId id="2147483803" r:id="rId15"/>
    <p:sldLayoutId id="2147483805" r:id="rId16"/>
    <p:sldLayoutId id="2147483806" r:id="rId17"/>
    <p:sldLayoutId id="2147483807" r:id="rId18"/>
    <p:sldLayoutId id="2147483808" r:id="rId19"/>
    <p:sldLayoutId id="2147483809" r:id="rId20"/>
    <p:sldLayoutId id="2147483810" r:id="rId21"/>
  </p:sldLayoutIdLst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Copyright Placeholder" descr="{&quot;templafy&quot;:{&quot;id&quot;:&quot;2bedc170-ca26-48e3-aed6-3334bcce27ad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1ADFE6DC-520B-4250-A5C2-DB20C5297253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22560C39-BD13-4C37-BDDD-28E5A592FF29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6B9BE4E7-D8DE-4351-BE02-B5C290D2CE99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8C85A472-4D9D-4EF0-86D4-C61762E4BB21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D3731C8D-9A84-48C6-A673-5CCEB38F7297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102F923F-9F2B-433E-9EB9-2F750AD6D3E5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14C02E29-0EAE-41EA-A922-326323B7E738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F3529CB7-756D-471E-90FD-F922762FA23A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11A38E5D-EDBC-4E8A-8622-2FDE8B7FFD1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955CD82E-AE29-4D81-9490-DD7852897FF3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F04A975C-65D7-445C-B0C9-FCE8E217A51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58E1E452-15DA-4509-88EA-BB33E61AFAA2}"/>
              </a:ext>
            </a:extLst>
          </p:cNvPr>
          <p:cNvGrpSpPr>
            <a:grpSpLocks/>
          </p:cNvGrpSpPr>
          <p:nvPr userDrawn="1">
            <p:custDataLst>
              <p:tags r:id="rId2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46A1BC5B-8645-44E4-B707-6037153EEBB5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69097033-FC04-4DED-86D1-3ECE9157119D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AF32CA5D-E4BA-4413-9C24-B0C0F827E4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428FA8D6-6F78-445B-880F-861FAE960E96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73E555B0-658F-4872-AF3F-01345F45B3A1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741C7044-662F-4F41-908F-CA3A9B6B24EA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77815D5A-BF45-4D1E-BB88-E0108FCB7B2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562C9AB3-C0CD-4086-8D2D-EB9F70C6014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BC0D1D4-6A64-4C26-8007-7D332F5EBBCD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3B2E5DDB-E197-4B90-B0DB-716626A4685C}"/>
              </a:ext>
            </a:extLst>
          </p:cNvPr>
          <p:cNvGrpSpPr/>
          <p:nvPr userDrawn="1">
            <p:custDataLst>
              <p:tags r:id="rId26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88E9BEF0-EB56-45CF-9AC4-E2FE1F2E94BD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CAF5A329-C053-4140-9A4F-4DE4CA11DBD9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DB1B8361-1AE6-4730-9583-CDB44463B8D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BC603A7F-D7AC-4F1B-8420-D3D8FFA4AEB5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36AE107D-85E0-40D9-AE99-B0CD41ED37C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032A32D1-B788-498C-BD0B-DF7F7F01323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60ADC7B-A9BC-482A-9504-1D2029F0FCD2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C39B79C8-AD0D-4D77-BDDD-99E73AC7AD47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A392817C-E79B-42C9-9804-39723762A04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3DC5BC40-21C8-4807-854B-89251727D2F8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2ED01A5E-3FC8-4C53-A594-22ADF9C3CB5D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75FA389C-8240-41DA-84B7-7070207A6C24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CE333EB3-187B-44D3-866E-9A59FE5DD425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36E8A69C-17DE-4D3E-A8E5-15D0C38669D1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9FFDAD93-0FE2-4074-962C-6E10F3BCF45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AC218FA1-94C4-4770-BC8F-F1A91DD55FF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44F31FEB-3E83-4DFB-AB14-23BB7AF9DB68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0EDA3BF6-542B-4D63-A19D-37EFE5C2C70C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7BE8A5DA-2D2A-4C51-A886-500C380A3D55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C1B2150-5100-4C01-B808-8091FF209D7D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3516A708-ED68-4496-ADB3-30DFCAEB0B2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9D3079CF-8609-4D69-B1B8-DAC27A5C774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D691D382-C34B-424B-9776-CB1FBF81EA2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AA49F985-36F0-4C6A-B727-298D4E190436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F133871E-E4DC-463E-A2D4-740825F6CD17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BC7C91D1-1ABA-42F8-9E10-70B4DF13BF83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11DA2D34-FD84-4386-85E9-BDD64FA3608A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0B8FB859-5560-4A5F-8A7F-5966224BAADA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7B4FC130-45D7-469C-B289-27B4DAA2E912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754E1106-ACDF-49D9-9FE5-13C3893A433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763BF926-C7DA-4A20-9365-AFBD84B49B1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7FFF6098-EDDE-4D76-8C47-18B15E91CAC2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5110024C-7D1D-41E2-9E5D-1C91A0D517A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32C9C02B-C7B5-4EBD-A27D-5BAA9F0E2588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82567772-99CC-4DAA-829C-A9D6C3F4D015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1FA8F8E-2322-467E-B681-CB3F22563FBF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93B97EAD-8CBD-4938-8B11-2CA37E3501C5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9CBCD1DA-6A2D-4A3C-9806-4A803A5DFCC6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C3B6EDEE-19B0-4BD5-B351-183A4EBD475D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1B9454B7-56F1-4393-9360-76644DB849E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8C92A63-09B0-4DBC-95A2-6CE9B34A552D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C43B1FD-B931-4B08-9A3E-0AD323A15F1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9954CD7D-8BC2-47DE-AF7C-BD614DC1F58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B24F6EF8-692E-43B7-8CF4-585DE44C6487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90BDD556-7014-4E82-8B84-AD63994666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8523C3D-B1C0-49F0-9513-D93DDF02823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1DAE6991-7769-4AB0-BAA9-633E4D7C749F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541FEAC0-F644-494A-91B5-EF24497D41E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177FE035-126E-44C0-8B15-56420A574E7C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B536FD9F-80DF-4093-AADE-0AE84D74F8CE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FC5AB5B1-F9EC-49A6-82C5-A7F4BBDF13D1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8790DBDD-9953-40FB-B78C-F9446AF8181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054251AA-C938-4236-8C37-88AE54604D5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08A30976-B61C-4490-A21A-1E3611D9CA83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FE612F20-02B1-4EC9-8656-2CFA64A61F9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A5F7685-224D-4442-AD5F-FA81B865757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09963756-DCF5-48DF-B2B8-9200F5DD8D6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9BCB66FE-C15F-4F0F-8B11-B42CB997A63A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494C59EB-A551-4C90-9A54-8A4813517D7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05E3F3F-2280-4D81-94F3-78D1E965230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ECF2F9A7-3ECC-44C3-A2E1-A3BFE2C7DB9C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E5CDFB70-63CB-4B81-B288-34AFE413DAA6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DCD610FA-F63F-4BF3-9F7B-42249B497A99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2DAF1E2F-BD4D-4ECC-888B-9A03801A335E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05B79EF9-D17C-4F2A-973F-812ACEE8F9D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EC332128-BE93-4563-89B2-1481BCFD279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BF72EBEA-7971-4EC2-83FE-9B4DCD6EC90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1FAF5C0-BE4F-4523-B183-5333758C5DA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FF800DAC-B980-49F3-BD09-EDE346323FCC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134541C-3658-4E63-8CAC-55EC07FA773C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AC6F0AAD-DA82-4F2E-8FFE-BC1BFB04CC2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D76AA9C0-54E7-40CF-9AE0-BED2347133E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26D83486-E41D-487D-AE11-C3AFEBC9AFBC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368E44E9-21E0-43F2-B843-B2DF2FA30A3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F5CE8533-8383-43B3-AF33-DA0D5F97C9E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CEC29D24-A700-466C-AF0F-A1A5E06CBC90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FB770736-1037-470D-804F-2DADE2BD9BB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EED21471-E576-44D6-8403-1321A94951B9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AE576512-9AA8-470C-A3F3-789B97F3435E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A2AF16B3-E5AE-407B-B8AA-BE9E609052BA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AF6983A6-5F19-430F-A3A6-7BBD079D5C3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C5E2B8A5-4E3A-4F9B-ACAE-B30CE4B2FEA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FD037562-A039-4956-8219-45AD9A026AD0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52B6F73-64B9-4395-A4A8-22A983E0BB6A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FAAD13E9-26E8-4E38-8716-828A9A77783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27A012E3-36DE-49CC-B7E5-091C3A14AC5E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D5B14E72-F2CD-44F6-A600-4F535B6B3189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2D6439E2-E45E-42FB-877D-CFAA39FD8AA4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076C8623-476B-420F-A4EA-78E888C103FF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E2CEFE27-98FC-4C10-8266-A6F5B3536857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05294D6B-C130-49A7-A63E-2DBB681FBC38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647733D-4258-4E53-AE5A-9B69B2DB0405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56A8760-DA2C-4022-A111-25E1CE49CA94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3BCF56AF-5473-49D3-9F97-471FEE624DD3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4DB602E9-4198-470D-828F-BDA97BFD984D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FADCD9D-30C1-445B-98A1-7CBA251A296C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241ED64C-3EDA-4354-A976-7AE214D6673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68957DE0-8BC4-4CF5-968C-BCE626E5EA7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19641F19-3D40-4258-A17F-262C932D980C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1990CD0D-DD00-4EC2-8764-BD423CE6BCE5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6EF17373-7C85-425E-9832-71036A5D3E2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7A338556-CC64-45B4-AF62-DB45EA57955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50F04EB-0073-4CB8-B5AB-2360FC159BFC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F35296E9-4FB9-4CC3-AE2F-EE3BC20D385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0F05C92E-D668-405D-B36D-BD8C926938F2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663ADB1B-D5D9-49C0-B104-089C06B8D20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40347C9C-B5BE-4E5B-9116-261A837CAA6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5709DAC9-E715-4786-9C2F-63EB097FE070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305F9A16-1C4C-4AF2-AF95-EFAF9AC14BFB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26619770-67C4-4738-8862-B0E6018B63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A9B596DA-088F-4730-8ADA-5514BD364B58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20F66B9B-AB73-4D16-95D8-3941F790FE3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23432344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57" r:id="rId1"/>
    <p:sldLayoutId id="2147483858" r:id="rId2"/>
    <p:sldLayoutId id="2147483859" r:id="rId3"/>
    <p:sldLayoutId id="2147483860" r:id="rId4"/>
    <p:sldLayoutId id="2147483861" r:id="rId5"/>
    <p:sldLayoutId id="2147483862" r:id="rId6"/>
    <p:sldLayoutId id="2147483863" r:id="rId7"/>
    <p:sldLayoutId id="2147483864" r:id="rId8"/>
    <p:sldLayoutId id="2147483865" r:id="rId9"/>
    <p:sldLayoutId id="2147483866" r:id="rId10"/>
    <p:sldLayoutId id="2147483867" r:id="rId11"/>
    <p:sldLayoutId id="2147483868" r:id="rId12"/>
    <p:sldLayoutId id="2147483869" r:id="rId13"/>
    <p:sldLayoutId id="2147483870" r:id="rId14"/>
    <p:sldLayoutId id="2147483871" r:id="rId15"/>
    <p:sldLayoutId id="2147483872" r:id="rId16"/>
    <p:sldLayoutId id="2147483874" r:id="rId17"/>
    <p:sldLayoutId id="2147483875" r:id="rId18"/>
    <p:sldLayoutId id="2147483876" r:id="rId19"/>
    <p:sldLayoutId id="2147483877" r:id="rId20"/>
    <p:sldLayoutId id="2147483878" r:id="rId21"/>
  </p:sldLayoutIdLst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8" name="Text Placeholder 9" descr="{&quot;templafy&quot;:{&quot;id&quot;:&quot;cb1b31d4-f8c6-4362-903c-98e34dae1eac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7C75D2BB-E1B7-40B0-ACA8-7A4284F9B99C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87F8075E-9322-4CDF-97DE-3A8F8DFC0BB6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A244D5D9-A7FC-4EDA-8BBA-82ED5B58F1E6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44DDAA71-32EF-4B0B-AF6A-D6BC4D74D921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CC7C2A10-D7B9-4171-AC96-E82A7F5DA19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27FD38C7-0F5C-4C83-AEB9-3E430CA5D993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D9962408-04BA-4B9A-B57C-BA73F06D5A39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3B115610-0A5E-4116-A214-BB2C2906E4E8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AB0787D8-519E-4F2B-B33F-2E65D39E704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D6125CFA-17FA-412F-B81C-B1B18DD80F3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63DB7CF6-0F78-47D1-BF72-A92EDD037904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C87C4D5A-4D20-4A3E-B9F6-0F09834BCEB0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BE1524AA-0D38-4088-A246-DDA3598D755D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D05ACFA-56EE-4D7A-AE55-EB0FF8629758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E7C0641F-53F9-4A1F-9F90-3D06D4F7E203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F31607D7-A417-47B0-9B0F-C185D0A2FEF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5EA127AC-A3C3-4A0D-B58F-FA6D90904027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F8D592DE-EC1D-4502-911B-8EB03C7F7B7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26C41247-29FA-4556-8A97-8196A3F1B921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799102F7-C007-4D3D-8BF1-BE02245BF80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039B9D18-5D9E-4C16-85D1-3C5CE62D9366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05F42945-31BD-4911-A2B7-ABC8BD30C762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00616F2E-7984-47D6-A8DA-64E34093F278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F38814F4-B46F-42FD-AF00-5D4A7BE0C4B9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D8453C8-B4AA-43BA-A91F-6F74FA19F01A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C2888A9B-58E5-4520-A733-2B9B09A4C6FA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52C784D8-6AFA-42C5-9C2D-FF43BFC2D665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2E6B5FC3-F962-41BC-8042-E05C5F86C3BA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E8FF6EE-9258-46E5-8290-734B3B96AE90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102E885F-997F-40AD-BC6C-44B6E119F61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38CFBDA-6DB4-476C-ACB1-A00FF9793F86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A358DD45-47CD-434C-973E-731E2835A403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1342CA4F-D7D9-4E71-A4E9-A49BCF897547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D0A5E137-0EC7-4EFC-9742-6718D82BD9C3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7DA94569-24FE-4B00-BEDE-4A3F6BD44F40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8FFBBC3C-E436-49D6-8F84-88DF52EE5E0E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EFADF9B2-F50A-446A-97FB-393C0EE1C845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A81DB4E2-8007-4A05-80D8-2960B63DB36C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0B7E0CF7-C51A-4BD9-BC36-9A1615F0D1E8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8F827496-26EF-4D4D-B2D4-4764A1C640E7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7A6A12AB-2918-4F1C-A308-0B51BC0F6FBE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F4BF9DAF-F2DB-4F98-82BF-1D1EA23D4A6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A955DA-FE70-4EB9-9790-2ED7FA7FCC3B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73F3C295-FCB6-4D4D-937A-CFA765FB1AFF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489952D5-0B85-4631-8B95-58DD568F92AB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8FFD33F6-3C8F-4DAD-AF2D-8DBB75DBDADE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AB20FBD7-42AC-46F6-8A31-9111585F333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7D625BF3-0D99-49B1-B758-1FCC5DDA78A5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5D823F7-BC36-44C3-89F2-54AFE1970B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D9E232C-6F8D-4CA9-9BB8-CB79C0094F92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98D5495A-ACB2-4F39-B9CA-A607D38C1F4A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93DFBB1C-DE3B-4756-8ADB-C2078938252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D9E83440-96D9-4982-877D-C3A42F982270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CEC2AD82-6D7F-4BD7-9BB9-C428D9660B24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46283B1C-E368-4A4E-A66D-288AD1184996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78C7D326-DF88-483D-AD28-8DF1AB3214C8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338DB10F-DB7F-4241-B397-627EACA6042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8776254F-C2E9-4EB3-BBCE-CB878EAD3FC2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4D9EBF20-149B-4F50-90FF-A1BEA1B9A5AD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EFE45EC0-C586-42F8-90C1-3E2FAC573C4D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815EC51C-1183-4257-BD3C-85479684212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63D738CE-4920-4C25-8A3B-0DBDB95C1F9E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543787A9-DF2D-42E1-8BD0-002553A288A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6920B98C-6BA0-493E-9612-63D3D7524897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A720C959-A475-4BF5-AFBB-9BC8C9ADBA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D29503BB-CFDA-407B-8A45-191AFE1FF99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5695C3F8-0205-4FC7-B046-CBBB7232BCB3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3BCFFA2A-2EAC-43D9-B2CE-92DDFE324B7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BF2A1716-EDD4-4F38-B461-0AD4C4559B8A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EC17599-339A-4D4C-8BB7-29A6AB9516A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634D60BE-E4CF-4F87-B07E-5291BD5A2E28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1084451-6FC5-4C5C-892C-396DEA406D3B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2A10142D-5A25-4440-B349-952A5788B9CF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0B32D395-D0C7-42AF-8A46-9ACABFFF925A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8730002E-72CB-4E20-A670-3DA9976DF89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C13281D5-C4B5-48F6-B65D-B339E2CDC3A0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2847AA4B-BCD8-4C2F-8AD4-9FA4B13DA63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4CAA1E47-522C-4427-8BA9-8CE3F4BE4867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B128B7D9-A18C-4C7E-B841-28F45E521748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B516E4CC-F74F-47F5-BEDE-23FDCAE014F1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16DEA2CA-59F1-4412-90C8-239B212E5499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FAD35107-8C46-45EF-8EF9-508BAEBE1C4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33194BCB-3365-432D-8B7E-FC1679E8D647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EE12B99-B9E9-4ED1-AC1D-91573F86D35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AC99A4F1-DAF8-4EAB-BF4D-BC5D557A5D58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5043F697-0EE2-4510-A9CE-C52C7B56289D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61FDEB1A-5703-4309-8D3E-9EFA1199D242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F8B28C63-4A52-4DAE-A3A0-90774EA724F4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824C4A47-8665-40A9-817A-4B0BEBC533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56BCC5E4-D1C2-4254-89E1-B8CB6084C82A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44CBA567-EE29-4F7F-9B8C-26CAA93D2E68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190DD48B-F283-4DA4-9676-1A4FA15CB905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1FBBE4AA-AF73-424D-8F1B-6F674147C6A1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69BFE253-C73F-4696-ACF9-9C9EF5D888A7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9A1643CC-5C2A-4A4C-9A78-5C8500C401DD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4D684B9B-83A7-4F5C-9D58-B165FFD855D5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47DDA867-A749-420F-8AD4-C06D940C0DF9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79F76C8F-F16B-446D-9463-2D22F6130FB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A0DB92C-1EEE-4F4A-A1AA-273385C3D95E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D69E643B-B07E-4BC3-A175-ED982A96B53D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C5E916D4-1381-44BB-B771-AFAF440B3192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E2C0D743-D5C9-43F5-8F28-BAE683E7A8D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933C2B64-3881-4F94-A101-373387D94B4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79F3A00A-6525-44EE-B74B-B3CBFD3518E7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84B7C6A4-EA97-4F24-978A-4FA0756C7AEC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43AA6844-F6BD-4A53-8FA5-29874C3BFC3A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04B318D0-5287-4369-848C-792763E7D34C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E7A63083-AB4E-41FB-9024-A4F962711B16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4848DA94-AE3A-43DC-8002-7B8F1F3B112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DF21AB90-92E3-4D23-BD71-32354743DBB5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153DD5D8-712D-4D3D-B860-A8660056842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2601C476-BEB2-4D18-8D96-F6AF6B9007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76E5AD33-B9DC-4195-B6E8-78225EC3EA1A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88470F7-6AAD-4602-A073-0CCFEB0F0EC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B7DC41C4-955D-47D5-8C77-5244B863944A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3C16E6D6-5BBC-4AFA-B8F0-026B07FBED6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1D3A3E39-97F2-43DA-8B97-927DE5D2D0E9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E042500A-0514-438F-AF10-C68F83671A4E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FE420316-7781-4032-A918-08317F735FC9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1FA29020-BFBA-444B-835F-04AB443AF18F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BEB37623-D4B8-47C2-AE64-6461A6687A6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8014DD4-CC9A-4324-926D-A77F081D696D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3B6518C4-02F3-487E-BF20-709B1509D9EA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D8E568D0-43A1-4DE8-8D1D-6944C5E996D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FC5618D-B60B-4B1A-A73E-DAB3F3FB8242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52F0071A-C5C7-421A-ADCA-E64630A41DB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F83BC079-54FC-475E-8299-A4DFE4C88BB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581F00A0-AD1A-4C3D-BE7B-F9677CE81158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D427727D-BA66-4042-8BCF-AF88837D9D3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FA810C3-64A0-4A0F-9F43-65842836E9AD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B875130C-0E29-4CA1-8303-125D3A468144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80D4FEA-4656-421C-B666-9DC856C7810C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65CE8BC4-5906-4A49-8DFF-39A726D885AE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F61101C5-2D03-4FF8-BE0C-7688E90F8A88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46139267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53" r:id="rId1"/>
    <p:sldLayoutId id="2147483854" r:id="rId2"/>
    <p:sldLayoutId id="2147483855" r:id="rId3"/>
  </p:sldLayoutIdLst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9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9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19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image" Target="../media/image15.png"/><Relationship Id="rId7" Type="http://schemas.openxmlformats.org/officeDocument/2006/relationships/image" Target="../media/image19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9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1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9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8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9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9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9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32.png"/><Relationship Id="rId4" Type="http://schemas.openxmlformats.org/officeDocument/2006/relationships/image" Target="../media/image31.png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9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9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9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3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4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image" Target="../media/image15.png"/><Relationship Id="rId7" Type="http://schemas.openxmlformats.org/officeDocument/2006/relationships/image" Target="../media/image19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4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5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5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19.xml"/></Relationships>
</file>

<file path=ppt/slides/_rels/slide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9.xml"/></Relationships>
</file>

<file path=ppt/slides/_rels/slide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19.xml"/></Relationships>
</file>

<file path=ppt/slides/_rels/slide5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19.xml"/></Relationships>
</file>

<file path=ppt/slides/_rels/slide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9.xml"/></Relationships>
</file>

<file path=ppt/slides/_rels/slide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19.xml"/></Relationships>
</file>

<file path=ppt/slides/_rels/slide5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19.xml"/></Relationships>
</file>

<file path=ppt/slides/_rels/slide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19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9.xml"/></Relationships>
</file>

<file path=ppt/slides/_rels/slide6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19.xml"/></Relationships>
</file>

<file path=ppt/slides/_rels/slide6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19.xml"/></Relationships>
</file>

<file path=ppt/slides/_rels/slide6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19.xml"/></Relationships>
</file>

<file path=ppt/slides/_rels/slide6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19.xml"/></Relationships>
</file>

<file path=ppt/slides/_rels/slide6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19.xml"/></Relationships>
</file>

<file path=ppt/slides/_rels/slide6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19.xml"/></Relationships>
</file>

<file path=ppt/slides/_rels/slide6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19.xml"/></Relationships>
</file>

<file path=ppt/slides/_rels/slide6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19.xml"/></Relationships>
</file>

<file path=ppt/slides/_rels/slide6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9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.xml"/></Relationships>
</file>

<file path=ppt/slides/_rels/slide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9.xml"/></Relationships>
</file>

<file path=ppt/slides/_rels/slide7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19.xml"/></Relationships>
</file>

<file path=ppt/slides/_rels/slide7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19.xml"/></Relationships>
</file>

<file path=ppt/slides/_rels/slide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19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1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resentation Title">
            <a:extLst>
              <a:ext uri="{FF2B5EF4-FFF2-40B4-BE49-F238E27FC236}">
                <a16:creationId xmlns:a16="http://schemas.microsoft.com/office/drawing/2014/main" id="{ECEE67D1-AA42-2DFA-DCF3-A82F83C7E4FA}"/>
              </a:ext>
            </a:extLst>
          </p:cNvPr>
          <p:cNvSpPr txBox="1">
            <a:spLocks/>
          </p:cNvSpPr>
          <p:nvPr/>
        </p:nvSpPr>
        <p:spPr>
          <a:xfrm>
            <a:off x="169247" y="4024430"/>
            <a:ext cx="11628000" cy="997196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DE" err="1"/>
              <a:t>Stakeholderpräsentation</a:t>
            </a:r>
            <a:r>
              <a:rPr lang="de-DE"/>
              <a:t>: Shop-Bot für </a:t>
            </a:r>
            <a:r>
              <a:rPr lang="de-DE" err="1"/>
              <a:t>Telegram</a:t>
            </a:r>
            <a:endParaRPr lang="de-DE"/>
          </a:p>
          <a:p>
            <a:r>
              <a:rPr lang="de-DE"/>
              <a:t>WI 2020 MA SE B – Gruppe 2 – Software Engineering II</a:t>
            </a:r>
          </a:p>
        </p:txBody>
      </p:sp>
      <p:pic>
        <p:nvPicPr>
          <p:cNvPr id="3" name="Illustration">
            <a:extLst>
              <a:ext uri="{FF2B5EF4-FFF2-40B4-BE49-F238E27FC236}">
                <a16:creationId xmlns:a16="http://schemas.microsoft.com/office/drawing/2014/main" id="{6C948A69-1330-A082-9D80-E9ADDC1D90F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3109" b="3109"/>
          <a:stretch/>
        </p:blipFill>
        <p:spPr>
          <a:xfrm>
            <a:off x="1" y="0"/>
            <a:ext cx="12193200" cy="3430006"/>
          </a:xfrm>
          <a:prstGeom prst="rect">
            <a:avLst/>
          </a:prstGeom>
        </p:spPr>
      </p:pic>
      <p:sp>
        <p:nvSpPr>
          <p:cNvPr id="4" name="TextBox 3" descr="{&quot;templafy&quot;:{&quot;id&quot;:&quot;df8d5ba5-2e07-45f7-a9c9-85ad9eaa6e7c&quot;}}">
            <a:extLst>
              <a:ext uri="{FF2B5EF4-FFF2-40B4-BE49-F238E27FC236}">
                <a16:creationId xmlns:a16="http://schemas.microsoft.com/office/drawing/2014/main" id="{B6F16CE1-8032-6B6E-7E66-EA8BF4BCCED8}"/>
              </a:ext>
            </a:extLst>
          </p:cNvPr>
          <p:cNvSpPr txBox="1">
            <a:spLocks/>
          </p:cNvSpPr>
          <p:nvPr/>
        </p:nvSpPr>
        <p:spPr>
          <a:xfrm>
            <a:off x="288000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>
                <a:solidFill>
                  <a:schemeClr val="tx1"/>
                </a:solidFill>
                <a:latin typeface="+mn-lt"/>
              </a:rPr>
              <a:t>July 28, 2022</a:t>
            </a:r>
          </a:p>
        </p:txBody>
      </p:sp>
      <p:sp>
        <p:nvSpPr>
          <p:cNvPr id="5" name="TextBox 4" descr="{&quot;templafy&quot;:{&quot;id&quot;:&quot;7aac766a-97e1-4d10-a7a7-cd4f4df81326&quot;}}">
            <a:extLst>
              <a:ext uri="{FF2B5EF4-FFF2-40B4-BE49-F238E27FC236}">
                <a16:creationId xmlns:a16="http://schemas.microsoft.com/office/drawing/2014/main" id="{DBC3357C-3268-0E13-86F9-9CC557191336}"/>
              </a:ext>
            </a:extLst>
          </p:cNvPr>
          <p:cNvSpPr txBox="1"/>
          <p:nvPr/>
        </p:nvSpPr>
        <p:spPr>
          <a:xfrm>
            <a:off x="288000" y="5021626"/>
            <a:ext cx="10934182" cy="33735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600">
                <a:latin typeface="+mn-lt"/>
              </a:rPr>
              <a:t>Yasin </a:t>
            </a:r>
            <a:r>
              <a:rPr lang="en-US" sz="1600" err="1">
                <a:latin typeface="+mn-lt"/>
              </a:rPr>
              <a:t>Gülay</a:t>
            </a:r>
            <a:r>
              <a:rPr lang="en-US" sz="1600">
                <a:latin typeface="+mn-lt"/>
              </a:rPr>
              <a:t>, Dmitry </a:t>
            </a:r>
            <a:r>
              <a:rPr lang="en-US" sz="1600" err="1">
                <a:latin typeface="+mn-lt"/>
              </a:rPr>
              <a:t>Krivoruchko</a:t>
            </a:r>
            <a:r>
              <a:rPr lang="en-US" sz="1600">
                <a:latin typeface="+mn-lt"/>
              </a:rPr>
              <a:t>, Christian </a:t>
            </a:r>
            <a:r>
              <a:rPr lang="en-US" sz="1600" err="1">
                <a:latin typeface="+mn-lt"/>
              </a:rPr>
              <a:t>Reitmeier</a:t>
            </a:r>
            <a:r>
              <a:rPr lang="en-US" sz="1600">
                <a:latin typeface="+mn-lt"/>
              </a:rPr>
              <a:t>, Luis Maier, Marcel </a:t>
            </a:r>
            <a:r>
              <a:rPr lang="en-US" sz="1600" err="1">
                <a:latin typeface="+mn-lt"/>
              </a:rPr>
              <a:t>Mildenberger</a:t>
            </a:r>
            <a:r>
              <a:rPr lang="en-US" sz="1600">
                <a:latin typeface="+mn-lt"/>
              </a:rPr>
              <a:t>, Mathis </a:t>
            </a:r>
            <a:r>
              <a:rPr lang="en-US" sz="1600" err="1">
                <a:latin typeface="+mn-lt"/>
              </a:rPr>
              <a:t>Neunzig</a:t>
            </a:r>
            <a:endParaRPr lang="en-US" sz="160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5707968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039B6BCA-C059-170E-F06E-25BAF806042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7319" y="0"/>
            <a:ext cx="4897120" cy="6858000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FB13F547-0DF2-1D30-AF5D-1DB677553A6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96663" y="189923"/>
            <a:ext cx="6159500" cy="6311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55882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162B1C2-7516-3AEB-F4CF-9632A160961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DE"/>
              <a:t>Duration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Q2/22: - Q2/23: 15 Monat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15 Monate * 30 Tage = 450 Tage</a:t>
            </a:r>
          </a:p>
          <a:p>
            <a:r>
              <a:rPr lang="en-DE"/>
              <a:t>MT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450 Tage * 6 Personen = 2700 MT</a:t>
            </a:r>
          </a:p>
          <a:p>
            <a:r>
              <a:rPr lang="en-DE"/>
              <a:t>Wartung / Suppor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2 Personen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/>
              <a:t>Luis Maier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DE"/>
              <a:t>Marcel Mildenberger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Team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Project Manager</a:t>
            </a:r>
          </a:p>
          <a:p>
            <a:pPr marL="702828" lvl="2" indent="-342900">
              <a:buFont typeface="Arial" panose="020B0604020202020204" pitchFamily="34" charset="0"/>
              <a:buChar char="•"/>
            </a:pPr>
            <a:r>
              <a:rPr lang="en-GB"/>
              <a:t>Christian </a:t>
            </a:r>
            <a:r>
              <a:rPr lang="en-GB" err="1"/>
              <a:t>Reitmeier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Developer</a:t>
            </a:r>
          </a:p>
          <a:p>
            <a:pPr marL="702828" lvl="2" indent="-342900">
              <a:buFont typeface="Arial" panose="020B0604020202020204" pitchFamily="34" charset="0"/>
              <a:buChar char="•"/>
            </a:pPr>
            <a:r>
              <a:rPr lang="en-GB"/>
              <a:t>Dmitry </a:t>
            </a:r>
            <a:r>
              <a:rPr lang="en-GB" err="1"/>
              <a:t>Krivoruchko</a:t>
            </a:r>
            <a:endParaRPr lang="en-GB"/>
          </a:p>
          <a:p>
            <a:pPr marL="702828" lvl="2" indent="-342900">
              <a:buFont typeface="Arial" panose="020B0604020202020204" pitchFamily="34" charset="0"/>
              <a:buChar char="•"/>
            </a:pPr>
            <a:r>
              <a:rPr lang="en-GB"/>
              <a:t>Luis Maier</a:t>
            </a:r>
          </a:p>
          <a:p>
            <a:pPr marL="702828" lvl="2" indent="-342900">
              <a:buFont typeface="Arial" panose="020B0604020202020204" pitchFamily="34" charset="0"/>
              <a:buChar char="•"/>
            </a:pPr>
            <a:r>
              <a:rPr lang="en-GB"/>
              <a:t>Yasin </a:t>
            </a:r>
            <a:r>
              <a:rPr lang="en-GB" err="1"/>
              <a:t>Gülay</a:t>
            </a:r>
            <a:endParaRPr lang="en-GB"/>
          </a:p>
          <a:p>
            <a:pPr marL="702828" lvl="2" indent="-342900">
              <a:buFont typeface="Arial" panose="020B0604020202020204" pitchFamily="34" charset="0"/>
              <a:buChar char="•"/>
            </a:pPr>
            <a:r>
              <a:rPr lang="en-GB"/>
              <a:t>Mathis </a:t>
            </a:r>
            <a:r>
              <a:rPr lang="en-GB" err="1"/>
              <a:t>Neunzig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Marketing / PR</a:t>
            </a:r>
          </a:p>
          <a:p>
            <a:pPr marL="702828" lvl="2" indent="-342900">
              <a:buFont typeface="Arial" panose="020B0604020202020204" pitchFamily="34" charset="0"/>
              <a:buChar char="•"/>
            </a:pPr>
            <a:r>
              <a:rPr lang="en-GB"/>
              <a:t>Marcel </a:t>
            </a:r>
            <a:r>
              <a:rPr lang="en-GB" err="1"/>
              <a:t>Mildenberger</a:t>
            </a:r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Ressourcenplanung</a:t>
            </a:r>
          </a:p>
        </p:txBody>
      </p:sp>
    </p:spTree>
    <p:extLst>
      <p:ext uri="{BB962C8B-B14F-4D97-AF65-F5344CB8AC3E}">
        <p14:creationId xmlns:p14="http://schemas.microsoft.com/office/powerpoint/2010/main" val="12342688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resentation Title">
            <a:extLst>
              <a:ext uri="{FF2B5EF4-FFF2-40B4-BE49-F238E27FC236}">
                <a16:creationId xmlns:a16="http://schemas.microsoft.com/office/drawing/2014/main" id="{ECEE67D1-AA42-2DFA-DCF3-A82F83C7E4FA}"/>
              </a:ext>
            </a:extLst>
          </p:cNvPr>
          <p:cNvSpPr txBox="1">
            <a:spLocks/>
          </p:cNvSpPr>
          <p:nvPr/>
        </p:nvSpPr>
        <p:spPr>
          <a:xfrm>
            <a:off x="169247" y="4024430"/>
            <a:ext cx="11628000" cy="997196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DE" sz="3600"/>
              <a:t>Definitionsphase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F881808-7DF5-426A-EBEC-0BC1DC6EE98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228481" y="58806"/>
            <a:ext cx="12652135" cy="33701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290256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Änderungen an Anforderungen aus Las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BDE8B947-71F8-B700-41F6-70F4917CD71D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Architektur</a:t>
            </a: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84C062E1-E6C4-A34F-7A1B-5BDDBA557FF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75706" y="4358424"/>
            <a:ext cx="1785627" cy="1785627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500D3465-8542-A6E5-49D5-78C9928CE1B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88933" y="4358424"/>
            <a:ext cx="1785627" cy="1785627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72EAD04A-6A5C-8115-F3CD-68F1A7DAAE9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37257" y="4302570"/>
            <a:ext cx="1845148" cy="1845148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8B67A06C-3AD0-86CA-454B-A0DC7A4EB46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93856" y="4048101"/>
            <a:ext cx="1845147" cy="1845147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DA64E40D-7DF3-47CD-CE07-7AB649E10D1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538442" y="688666"/>
            <a:ext cx="2555977" cy="2555977"/>
          </a:xfrm>
          <a:prstGeom prst="rect">
            <a:avLst/>
          </a:prstGeom>
        </p:spPr>
      </p:pic>
      <p:pic>
        <p:nvPicPr>
          <p:cNvPr id="28" name="Picture 2">
            <a:extLst>
              <a:ext uri="{FF2B5EF4-FFF2-40B4-BE49-F238E27FC236}">
                <a16:creationId xmlns:a16="http://schemas.microsoft.com/office/drawing/2014/main" id="{91751960-2893-9971-FA19-E395C3E0F7C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77842" y="1649002"/>
            <a:ext cx="1595641" cy="15956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2" name="TextBox 31">
            <a:extLst>
              <a:ext uri="{FF2B5EF4-FFF2-40B4-BE49-F238E27FC236}">
                <a16:creationId xmlns:a16="http://schemas.microsoft.com/office/drawing/2014/main" id="{0D95C314-AAFF-09ED-C0D5-BFF8304F4E2D}"/>
              </a:ext>
            </a:extLst>
          </p:cNvPr>
          <p:cNvSpPr txBox="1"/>
          <p:nvPr/>
        </p:nvSpPr>
        <p:spPr>
          <a:xfrm>
            <a:off x="3165769" y="2438108"/>
            <a:ext cx="940963" cy="67710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4400" b="1" kern="0">
                <a:ea typeface="Arial Unicode MS" pitchFamily="34" charset="-128"/>
                <a:cs typeface="Arial Unicode MS" pitchFamily="34" charset="-128"/>
              </a:rPr>
              <a:t>API</a:t>
            </a:r>
          </a:p>
        </p:txBody>
      </p: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96D2B670-A1DF-2DD6-78D0-D2F8F5EE8555}"/>
              </a:ext>
            </a:extLst>
          </p:cNvPr>
          <p:cNvCxnSpPr>
            <a:cxnSpLocks/>
            <a:stCxn id="24" idx="0"/>
          </p:cNvCxnSpPr>
          <p:nvPr/>
        </p:nvCxnSpPr>
        <p:spPr>
          <a:xfrm flipV="1">
            <a:off x="1759831" y="3336359"/>
            <a:ext cx="546072" cy="966211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BF1C3CC5-AA98-CD83-6553-7ABA1E72EC0F}"/>
              </a:ext>
            </a:extLst>
          </p:cNvPr>
          <p:cNvCxnSpPr>
            <a:cxnSpLocks/>
          </p:cNvCxnSpPr>
          <p:nvPr/>
        </p:nvCxnSpPr>
        <p:spPr>
          <a:xfrm flipH="1" flipV="1">
            <a:off x="2903443" y="3429000"/>
            <a:ext cx="135048" cy="783011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5BC874BF-CFB1-C4DD-C206-84735442B4C7}"/>
              </a:ext>
            </a:extLst>
          </p:cNvPr>
          <p:cNvCxnSpPr>
            <a:cxnSpLocks/>
            <a:stCxn id="20" idx="0"/>
          </p:cNvCxnSpPr>
          <p:nvPr/>
        </p:nvCxnSpPr>
        <p:spPr>
          <a:xfrm flipH="1" flipV="1">
            <a:off x="3479941" y="3225787"/>
            <a:ext cx="988579" cy="1132637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A1DA5AB4-D843-77D5-A308-42DBD9127A72}"/>
              </a:ext>
            </a:extLst>
          </p:cNvPr>
          <p:cNvCxnSpPr>
            <a:cxnSpLocks/>
            <a:stCxn id="42" idx="3"/>
          </p:cNvCxnSpPr>
          <p:nvPr/>
        </p:nvCxnSpPr>
        <p:spPr>
          <a:xfrm>
            <a:off x="7599181" y="2495496"/>
            <a:ext cx="1390440" cy="281166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912BE455-A1F3-61CF-E64B-4CC264AE56A4}"/>
              </a:ext>
            </a:extLst>
          </p:cNvPr>
          <p:cNvCxnSpPr>
            <a:cxnSpLocks/>
            <a:stCxn id="42" idx="3"/>
          </p:cNvCxnSpPr>
          <p:nvPr/>
        </p:nvCxnSpPr>
        <p:spPr>
          <a:xfrm>
            <a:off x="7599181" y="2495496"/>
            <a:ext cx="1294675" cy="2159631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F90AD8D7-D901-8DFB-13C5-27B102DFE415}"/>
              </a:ext>
            </a:extLst>
          </p:cNvPr>
          <p:cNvSpPr txBox="1"/>
          <p:nvPr/>
        </p:nvSpPr>
        <p:spPr>
          <a:xfrm>
            <a:off x="2040725" y="6199905"/>
            <a:ext cx="183383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Endnutzer-Device</a:t>
            </a: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461AA523-24C1-3D0A-4BEE-C7EA66341F50}"/>
              </a:ext>
            </a:extLst>
          </p:cNvPr>
          <p:cNvSpPr txBox="1"/>
          <p:nvPr/>
        </p:nvSpPr>
        <p:spPr>
          <a:xfrm>
            <a:off x="8508675" y="5754748"/>
            <a:ext cx="256480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Datenbank mit allen Bots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44F3C998-92CF-031D-C278-58D859A22ACB}"/>
              </a:ext>
            </a:extLst>
          </p:cNvPr>
          <p:cNvSpPr txBox="1"/>
          <p:nvPr/>
        </p:nvSpPr>
        <p:spPr>
          <a:xfrm>
            <a:off x="9156684" y="3336359"/>
            <a:ext cx="2115964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Microservices (APIs)</a:t>
            </a:r>
            <a:br>
              <a:rPr lang="en-DE" sz="1800" kern="0">
                <a:ea typeface="Arial Unicode MS" pitchFamily="34" charset="-128"/>
                <a:cs typeface="Arial Unicode MS" pitchFamily="34" charset="-128"/>
              </a:rPr>
            </a:b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 mit Daten</a:t>
            </a:r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AC20777A-A94A-90FD-3AD8-B33140A6BAA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422756" y="1407283"/>
            <a:ext cx="2176425" cy="2176425"/>
          </a:xfrm>
          <a:prstGeom prst="rect">
            <a:avLst/>
          </a:prstGeom>
        </p:spPr>
      </p:pic>
      <p:sp>
        <p:nvSpPr>
          <p:cNvPr id="43" name="TextBox 42">
            <a:extLst>
              <a:ext uri="{FF2B5EF4-FFF2-40B4-BE49-F238E27FC236}">
                <a16:creationId xmlns:a16="http://schemas.microsoft.com/office/drawing/2014/main" id="{F203D1F3-4B80-5696-4C86-15E11A54FFD9}"/>
              </a:ext>
            </a:extLst>
          </p:cNvPr>
          <p:cNvSpPr txBox="1"/>
          <p:nvPr/>
        </p:nvSpPr>
        <p:spPr>
          <a:xfrm>
            <a:off x="5606875" y="3474858"/>
            <a:ext cx="1808187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Hauptanwendung</a:t>
            </a: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A708A4C7-4ADE-213A-A29A-33A5F2A49345}"/>
              </a:ext>
            </a:extLst>
          </p:cNvPr>
          <p:cNvCxnSpPr>
            <a:cxnSpLocks/>
          </p:cNvCxnSpPr>
          <p:nvPr/>
        </p:nvCxnSpPr>
        <p:spPr>
          <a:xfrm>
            <a:off x="3874560" y="2233749"/>
            <a:ext cx="1486773" cy="0"/>
          </a:xfrm>
          <a:prstGeom prst="straightConnector1">
            <a:avLst/>
          </a:prstGeom>
          <a:ln w="57150">
            <a:solidFill>
              <a:schemeClr val="tx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28132714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ersonas</a:t>
            </a:r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DFB5387A-DDEB-6741-7F40-AF1554BB62AF}"/>
              </a:ext>
            </a:extLst>
          </p:cNvPr>
          <p:cNvSpPr txBox="1">
            <a:spLocks/>
          </p:cNvSpPr>
          <p:nvPr/>
        </p:nvSpPr>
        <p:spPr>
          <a:xfrm>
            <a:off x="8126477" y="1620000"/>
            <a:ext cx="3564000" cy="4716000"/>
          </a:xfrm>
          <a:prstGeom prst="rect">
            <a:avLst/>
          </a:prstGeom>
        </p:spPr>
        <p:txBody>
          <a:bodyPr/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DE"/>
              <a:t>Karen Kundi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Kauft gerne Onlin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Möchte schnell mit wenigen Klicks Essen/Sonstiges bestell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Pain: Webseitenbedienung</a:t>
            </a:r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EA93CDD3-EA76-6215-A498-155A9212EAB8}"/>
              </a:ext>
            </a:extLst>
          </p:cNvPr>
          <p:cNvSpPr txBox="1">
            <a:spLocks/>
          </p:cNvSpPr>
          <p:nvPr/>
        </p:nvSpPr>
        <p:spPr>
          <a:xfrm>
            <a:off x="4315238" y="1620000"/>
            <a:ext cx="3564000" cy="4716000"/>
          </a:xfrm>
          <a:prstGeom prst="rect">
            <a:avLst/>
          </a:prstGeom>
        </p:spPr>
        <p:txBody>
          <a:bodyPr/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DE"/>
              <a:t>Stefanie Shopbesitzeri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Will sich eigene Shops anlegen könn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Möchte schnell einen Shop anlegen könn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Nicht so viel Startkapital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Hat mittelviele IT Kenntniss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Pain: Komplexe Technik, eigene Webseiten bauen</a:t>
            </a:r>
          </a:p>
        </p:txBody>
      </p:sp>
      <p:sp>
        <p:nvSpPr>
          <p:cNvPr id="6" name="Text Placeholder 4">
            <a:extLst>
              <a:ext uri="{FF2B5EF4-FFF2-40B4-BE49-F238E27FC236}">
                <a16:creationId xmlns:a16="http://schemas.microsoft.com/office/drawing/2014/main" id="{84377A48-3F57-D862-8C85-C2CFEEC084C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620000"/>
            <a:ext cx="3564000" cy="4716000"/>
          </a:xfrm>
        </p:spPr>
        <p:txBody>
          <a:bodyPr/>
          <a:lstStyle/>
          <a:p>
            <a:r>
              <a:rPr lang="en-DE"/>
              <a:t>Arnold Admi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Verwaltet die Bot-Erstellu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Stellt eine zentrale Bot-Erstellung für Shopbesitzer:inn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Kann gut mit IT umgeh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Pain: Menschenkontakt</a:t>
            </a:r>
          </a:p>
        </p:txBody>
      </p:sp>
    </p:spTree>
    <p:extLst>
      <p:ext uri="{BB962C8B-B14F-4D97-AF65-F5344CB8AC3E}">
        <p14:creationId xmlns:p14="http://schemas.microsoft.com/office/powerpoint/2010/main" val="356840534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92500" lnSpcReduction="20000"/>
          </a:bodyPr>
          <a:lstStyle/>
          <a:p>
            <a:r>
              <a:rPr lang="en-GB"/>
              <a:t>Als </a:t>
            </a:r>
            <a:r>
              <a:rPr lang="en-GB" b="1"/>
              <a:t>Admin</a:t>
            </a:r>
            <a:r>
              <a:rPr lang="en-GB"/>
              <a:t>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ohne</a:t>
            </a:r>
            <a:r>
              <a:rPr lang="en-GB"/>
              <a:t> </a:t>
            </a:r>
            <a:r>
              <a:rPr lang="en-GB" err="1"/>
              <a:t>Schwierigkeiten</a:t>
            </a:r>
            <a:r>
              <a:rPr lang="en-GB"/>
              <a:t>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Übersicht</a:t>
            </a:r>
            <a:r>
              <a:rPr lang="en-GB"/>
              <a:t> von </a:t>
            </a:r>
            <a:r>
              <a:rPr lang="en-GB" err="1"/>
              <a:t>angelegten</a:t>
            </a:r>
            <a:r>
              <a:rPr lang="en-GB"/>
              <a:t> Shop </a:t>
            </a:r>
            <a:r>
              <a:rPr lang="en-GB" err="1"/>
              <a:t>hab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man </a:t>
            </a:r>
            <a:r>
              <a:rPr lang="en-GB" err="1"/>
              <a:t>einen</a:t>
            </a:r>
            <a:r>
              <a:rPr lang="en-GB"/>
              <a:t> </a:t>
            </a:r>
            <a:r>
              <a:rPr lang="en-GB" err="1"/>
              <a:t>Überblick</a:t>
            </a:r>
            <a:r>
              <a:rPr lang="en-GB"/>
              <a:t> </a:t>
            </a:r>
            <a:r>
              <a:rPr lang="en-GB" err="1"/>
              <a:t>behält</a:t>
            </a:r>
            <a:r>
              <a:rPr lang="en-GB"/>
              <a:t>.</a:t>
            </a:r>
          </a:p>
          <a:p>
            <a:r>
              <a:rPr lang="en-GB"/>
              <a:t>Als </a:t>
            </a:r>
            <a:r>
              <a:rPr lang="en-GB" b="1" err="1"/>
              <a:t>Besitzer</a:t>
            </a:r>
            <a:r>
              <a:rPr lang="en-GB"/>
              <a:t> des Shops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ohne</a:t>
            </a:r>
            <a:r>
              <a:rPr lang="en-GB"/>
              <a:t> </a:t>
            </a:r>
            <a:r>
              <a:rPr lang="en-GB" err="1"/>
              <a:t>Programmierkenntnisse</a:t>
            </a:r>
            <a:r>
              <a:rPr lang="en-GB"/>
              <a:t> </a:t>
            </a:r>
            <a:r>
              <a:rPr lang="en-GB" err="1"/>
              <a:t>einen</a:t>
            </a:r>
            <a:r>
              <a:rPr lang="en-GB"/>
              <a:t> Shop in Telegram </a:t>
            </a:r>
            <a:r>
              <a:rPr lang="en-GB" err="1"/>
              <a:t>anlieg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um mir </a:t>
            </a:r>
            <a:r>
              <a:rPr lang="en-GB" err="1"/>
              <a:t>meine</a:t>
            </a:r>
            <a:r>
              <a:rPr lang="en-GB"/>
              <a:t> Zeit und </a:t>
            </a:r>
            <a:r>
              <a:rPr lang="en-GB" err="1"/>
              <a:t>Mühe</a:t>
            </a:r>
            <a:r>
              <a:rPr lang="en-GB"/>
              <a:t>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sparen</a:t>
            </a:r>
            <a:r>
              <a:rPr lang="en-GB"/>
              <a:t>.</a:t>
            </a:r>
          </a:p>
          <a:p>
            <a:r>
              <a:rPr lang="en-GB"/>
              <a:t>Als </a:t>
            </a:r>
            <a:r>
              <a:rPr lang="en-GB" b="1" err="1"/>
              <a:t>Besitzer</a:t>
            </a:r>
            <a:r>
              <a:rPr lang="en-GB"/>
              <a:t> des Shops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unkompliziert</a:t>
            </a:r>
            <a:r>
              <a:rPr lang="en-GB"/>
              <a:t> das </a:t>
            </a:r>
            <a:r>
              <a:rPr lang="en-GB" err="1"/>
              <a:t>Sortiment</a:t>
            </a:r>
            <a:r>
              <a:rPr lang="en-GB"/>
              <a:t> </a:t>
            </a:r>
            <a:r>
              <a:rPr lang="en-GB" err="1"/>
              <a:t>meines</a:t>
            </a:r>
            <a:r>
              <a:rPr lang="en-GB"/>
              <a:t> Shops </a:t>
            </a:r>
            <a:r>
              <a:rPr lang="en-GB" err="1"/>
              <a:t>verwalt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um das </a:t>
            </a:r>
            <a:r>
              <a:rPr lang="en-GB" err="1"/>
              <a:t>immer</a:t>
            </a:r>
            <a:r>
              <a:rPr lang="en-GB"/>
              <a:t> auf </a:t>
            </a:r>
            <a:r>
              <a:rPr lang="en-GB" err="1"/>
              <a:t>dem</a:t>
            </a:r>
            <a:r>
              <a:rPr lang="en-GB"/>
              <a:t> </a:t>
            </a:r>
            <a:r>
              <a:rPr lang="en-GB" err="1"/>
              <a:t>aktuellen</a:t>
            </a:r>
            <a:r>
              <a:rPr lang="en-GB"/>
              <a:t> Stand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halten</a:t>
            </a:r>
            <a:r>
              <a:rPr lang="en-GB"/>
              <a:t>.</a:t>
            </a:r>
          </a:p>
          <a:p>
            <a:r>
              <a:rPr lang="en-GB"/>
              <a:t>Als </a:t>
            </a:r>
            <a:r>
              <a:rPr lang="en-GB" b="1"/>
              <a:t>Kunde</a:t>
            </a:r>
            <a:r>
              <a:rPr lang="en-GB"/>
              <a:t>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Produkte</a:t>
            </a:r>
            <a:r>
              <a:rPr lang="en-GB"/>
              <a:t> </a:t>
            </a:r>
            <a:r>
              <a:rPr lang="en-GB" err="1"/>
              <a:t>eines</a:t>
            </a:r>
            <a:r>
              <a:rPr lang="en-GB"/>
              <a:t> Shops </a:t>
            </a:r>
            <a:r>
              <a:rPr lang="en-GB" err="1"/>
              <a:t>sowie</a:t>
            </a:r>
            <a:r>
              <a:rPr lang="en-GB"/>
              <a:t> </a:t>
            </a:r>
            <a:r>
              <a:rPr lang="en-GB" err="1"/>
              <a:t>deren</a:t>
            </a:r>
            <a:r>
              <a:rPr lang="en-GB"/>
              <a:t> </a:t>
            </a:r>
            <a:r>
              <a:rPr lang="en-GB" err="1"/>
              <a:t>Beschreibungen</a:t>
            </a:r>
            <a:r>
              <a:rPr lang="en-GB"/>
              <a:t> mir </a:t>
            </a:r>
            <a:r>
              <a:rPr lang="en-GB" err="1"/>
              <a:t>anschau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schnell </a:t>
            </a:r>
            <a:r>
              <a:rPr lang="en-GB" err="1"/>
              <a:t>ein</a:t>
            </a:r>
            <a:r>
              <a:rPr lang="en-GB"/>
              <a:t> </a:t>
            </a:r>
            <a:r>
              <a:rPr lang="en-GB" err="1"/>
              <a:t>benötigtes</a:t>
            </a:r>
            <a:r>
              <a:rPr lang="en-GB"/>
              <a:t> </a:t>
            </a:r>
            <a:r>
              <a:rPr lang="en-GB" err="1"/>
              <a:t>Produkt</a:t>
            </a:r>
            <a:r>
              <a:rPr lang="en-GB"/>
              <a:t> </a:t>
            </a:r>
            <a:r>
              <a:rPr lang="en-GB" err="1"/>
              <a:t>finden</a:t>
            </a:r>
            <a:r>
              <a:rPr lang="en-GB"/>
              <a:t> </a:t>
            </a:r>
            <a:r>
              <a:rPr lang="en-GB" err="1"/>
              <a:t>könnte</a:t>
            </a:r>
            <a:r>
              <a:rPr lang="en-GB"/>
              <a:t>.</a:t>
            </a:r>
          </a:p>
          <a:p>
            <a:r>
              <a:rPr lang="en-GB"/>
              <a:t>Als </a:t>
            </a:r>
            <a:r>
              <a:rPr lang="en-GB" b="1"/>
              <a:t>Kunde</a:t>
            </a:r>
            <a:r>
              <a:rPr lang="en-GB"/>
              <a:t> </a:t>
            </a:r>
            <a:r>
              <a:rPr lang="en-GB" err="1"/>
              <a:t>würde</a:t>
            </a:r>
            <a:r>
              <a:rPr lang="en-GB"/>
              <a:t> ich </a:t>
            </a:r>
            <a:r>
              <a:rPr lang="en-GB" err="1"/>
              <a:t>gern</a:t>
            </a:r>
            <a:r>
              <a:rPr lang="en-GB"/>
              <a:t> </a:t>
            </a:r>
            <a:r>
              <a:rPr lang="en-GB" err="1"/>
              <a:t>einen</a:t>
            </a:r>
            <a:r>
              <a:rPr lang="en-GB"/>
              <a:t> </a:t>
            </a:r>
            <a:r>
              <a:rPr lang="en-GB" err="1"/>
              <a:t>Warenkorb</a:t>
            </a:r>
            <a:r>
              <a:rPr lang="en-GB"/>
              <a:t> </a:t>
            </a:r>
            <a:r>
              <a:rPr lang="en-GB" err="1"/>
              <a:t>haben</a:t>
            </a:r>
            <a:r>
              <a:rPr lang="en-GB"/>
              <a:t> und </a:t>
            </a:r>
            <a:r>
              <a:rPr lang="en-GB" err="1"/>
              <a:t>verwalt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Übersicht</a:t>
            </a:r>
            <a:r>
              <a:rPr lang="en-GB"/>
              <a:t> </a:t>
            </a:r>
            <a:r>
              <a:rPr lang="en-GB" err="1"/>
              <a:t>über</a:t>
            </a:r>
            <a:r>
              <a:rPr lang="en-GB"/>
              <a:t> </a:t>
            </a:r>
            <a:r>
              <a:rPr lang="en-GB" err="1"/>
              <a:t>meine</a:t>
            </a:r>
            <a:r>
              <a:rPr lang="en-GB"/>
              <a:t> </a:t>
            </a:r>
            <a:r>
              <a:rPr lang="en-GB" err="1"/>
              <a:t>Bestellungen</a:t>
            </a:r>
            <a:r>
              <a:rPr lang="en-GB"/>
              <a:t> </a:t>
            </a:r>
            <a:r>
              <a:rPr lang="en-GB" err="1"/>
              <a:t>habe</a:t>
            </a:r>
            <a:r>
              <a:rPr lang="en-GB"/>
              <a:t>.</a:t>
            </a:r>
          </a:p>
          <a:p>
            <a:r>
              <a:rPr lang="en-GB"/>
              <a:t>Als </a:t>
            </a:r>
            <a:r>
              <a:rPr lang="en-GB" b="1"/>
              <a:t>Kunde</a:t>
            </a:r>
            <a:r>
              <a:rPr lang="en-GB"/>
              <a:t>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meine</a:t>
            </a:r>
            <a:r>
              <a:rPr lang="en-GB"/>
              <a:t> </a:t>
            </a:r>
            <a:r>
              <a:rPr lang="en-GB" err="1"/>
              <a:t>Bestellung</a:t>
            </a:r>
            <a:r>
              <a:rPr lang="en-GB"/>
              <a:t> </a:t>
            </a:r>
            <a:r>
              <a:rPr lang="en-GB" err="1"/>
              <a:t>abschicken</a:t>
            </a:r>
            <a:r>
              <a:rPr lang="en-GB"/>
              <a:t> und den Status </a:t>
            </a:r>
            <a:r>
              <a:rPr lang="en-GB" err="1"/>
              <a:t>überwach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</a:t>
            </a:r>
            <a:r>
              <a:rPr lang="en-GB" err="1"/>
              <a:t>weiß</a:t>
            </a:r>
            <a:r>
              <a:rPr lang="en-GB"/>
              <a:t>, </a:t>
            </a:r>
            <a:r>
              <a:rPr lang="en-GB" err="1"/>
              <a:t>dass</a:t>
            </a:r>
            <a:r>
              <a:rPr lang="en-GB"/>
              <a:t> </a:t>
            </a:r>
            <a:r>
              <a:rPr lang="en-GB" err="1"/>
              <a:t>meine</a:t>
            </a:r>
            <a:r>
              <a:rPr lang="en-GB"/>
              <a:t> Ware </a:t>
            </a:r>
            <a:r>
              <a:rPr lang="en-GB" err="1"/>
              <a:t>ankommt</a:t>
            </a:r>
            <a:r>
              <a:rPr lang="en-GB"/>
              <a:t> und </a:t>
            </a:r>
            <a:r>
              <a:rPr lang="en-GB" err="1"/>
              <a:t>wann</a:t>
            </a:r>
            <a:r>
              <a:rPr lang="en-GB"/>
              <a:t>.</a:t>
            </a:r>
          </a:p>
          <a:p>
            <a:endParaRPr lang="en-GB"/>
          </a:p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User-Stories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35EF18EB-E5E0-A4FD-A294-C3F49AADFE15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Wichtigste User Stories im Walking Skeleton (Als X möchte ich Y, damit Z)</a:t>
            </a:r>
          </a:p>
        </p:txBody>
      </p:sp>
    </p:spTree>
    <p:extLst>
      <p:ext uri="{BB962C8B-B14F-4D97-AF65-F5344CB8AC3E}">
        <p14:creationId xmlns:p14="http://schemas.microsoft.com/office/powerpoint/2010/main" val="39777290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resentation Title">
            <a:extLst>
              <a:ext uri="{FF2B5EF4-FFF2-40B4-BE49-F238E27FC236}">
                <a16:creationId xmlns:a16="http://schemas.microsoft.com/office/drawing/2014/main" id="{ECEE67D1-AA42-2DFA-DCF3-A82F83C7E4FA}"/>
              </a:ext>
            </a:extLst>
          </p:cNvPr>
          <p:cNvSpPr txBox="1">
            <a:spLocks/>
          </p:cNvSpPr>
          <p:nvPr/>
        </p:nvSpPr>
        <p:spPr>
          <a:xfrm>
            <a:off x="169247" y="4024430"/>
            <a:ext cx="11628000" cy="997196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DE" sz="3600"/>
              <a:t>Designphas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86A5DAC-9B82-6255-4F4E-2B0869C02CA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38863" y="0"/>
            <a:ext cx="12872900" cy="342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476081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err="1"/>
              <a:t>Strategisches</a:t>
            </a:r>
            <a:r>
              <a:rPr lang="en-DE"/>
              <a:t> Design 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8B00EDC1-4793-EC03-BEB8-1781DBF68FD2}"/>
              </a:ext>
            </a:extLst>
          </p:cNvPr>
          <p:cNvSpPr/>
          <p:nvPr/>
        </p:nvSpPr>
        <p:spPr bwMode="gray">
          <a:xfrm>
            <a:off x="608146" y="1032164"/>
            <a:ext cx="10996204" cy="5321875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45E28E8-E6C6-566C-A34C-F4F6AD99AF74}"/>
              </a:ext>
            </a:extLst>
          </p:cNvPr>
          <p:cNvSpPr txBox="1"/>
          <p:nvPr/>
        </p:nvSpPr>
        <p:spPr>
          <a:xfrm>
            <a:off x="789368" y="1247775"/>
            <a:ext cx="3577903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ct val="50000"/>
              </a:spcBef>
              <a:spcAft>
                <a:spcPct val="0"/>
              </a:spcAft>
            </a:pPr>
            <a:r>
              <a:rPr lang="en-US" sz="1800" b="1" kern="0">
                <a:ea typeface="Arial Unicode MS"/>
                <a:cs typeface="Arial Unicode MS"/>
              </a:rPr>
              <a:t>E-Commerce (Business Domain)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A357858-79CF-3876-68AD-487248C720F5}"/>
              </a:ext>
            </a:extLst>
          </p:cNvPr>
          <p:cNvSpPr/>
          <p:nvPr/>
        </p:nvSpPr>
        <p:spPr bwMode="gray">
          <a:xfrm>
            <a:off x="1006493" y="1785505"/>
            <a:ext cx="3010444" cy="1503217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6DD3525-68DE-8547-3932-CA6BA8FE974D}"/>
              </a:ext>
            </a:extLst>
          </p:cNvPr>
          <p:cNvSpPr txBox="1"/>
          <p:nvPr/>
        </p:nvSpPr>
        <p:spPr>
          <a:xfrm>
            <a:off x="1144409" y="1923184"/>
            <a:ext cx="2244204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ct val="50000"/>
              </a:spcBef>
              <a:spcAft>
                <a:spcPct val="0"/>
              </a:spcAft>
            </a:pPr>
            <a:r>
              <a:rPr lang="en-US" sz="1600" kern="0">
                <a:ea typeface="Arial Unicode MS"/>
                <a:cs typeface="Arial Unicode MS"/>
              </a:rPr>
              <a:t>Sales (Core Subdomain)</a:t>
            </a:r>
            <a:endParaRPr lang="en-US" sz="1600">
              <a:cs typeface="Arial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593DAAC2-B27B-E3D6-FCE5-027D61D3567F}"/>
              </a:ext>
            </a:extLst>
          </p:cNvPr>
          <p:cNvSpPr/>
          <p:nvPr/>
        </p:nvSpPr>
        <p:spPr bwMode="gray">
          <a:xfrm>
            <a:off x="4496714" y="1785504"/>
            <a:ext cx="3010444" cy="1503217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DC8CF6F-6DA0-AB0C-644C-EE8B91B87509}"/>
              </a:ext>
            </a:extLst>
          </p:cNvPr>
          <p:cNvSpPr txBox="1"/>
          <p:nvPr/>
        </p:nvSpPr>
        <p:spPr>
          <a:xfrm>
            <a:off x="4634595" y="1923183"/>
            <a:ext cx="2550378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ct val="50000"/>
              </a:spcBef>
              <a:spcAft>
                <a:spcPct val="0"/>
              </a:spcAft>
            </a:pPr>
            <a:r>
              <a:rPr lang="en-US" sz="1600" kern="0">
                <a:ea typeface="Arial Unicode MS"/>
                <a:cs typeface="Arial Unicode MS"/>
              </a:rPr>
              <a:t>Billing (Generic Subdomain)</a:t>
            </a:r>
            <a:endParaRPr lang="en-US" sz="1600">
              <a:cs typeface="Arial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44A7B108-BB45-64B5-B0D1-9CF5FC86DFBF}"/>
              </a:ext>
            </a:extLst>
          </p:cNvPr>
          <p:cNvSpPr/>
          <p:nvPr/>
        </p:nvSpPr>
        <p:spPr bwMode="gray">
          <a:xfrm>
            <a:off x="8056490" y="1759528"/>
            <a:ext cx="3010444" cy="1503217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3BBC908-19A0-1361-CDB2-FB06146B0E78}"/>
              </a:ext>
            </a:extLst>
          </p:cNvPr>
          <p:cNvSpPr txBox="1"/>
          <p:nvPr/>
        </p:nvSpPr>
        <p:spPr>
          <a:xfrm>
            <a:off x="8194370" y="1827934"/>
            <a:ext cx="2362496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ct val="50000"/>
              </a:spcBef>
              <a:spcAft>
                <a:spcPct val="0"/>
              </a:spcAft>
            </a:pPr>
            <a:r>
              <a:rPr lang="en-US" sz="1600" kern="0">
                <a:ea typeface="Arial Unicode MS"/>
                <a:cs typeface="Arial Unicode MS"/>
              </a:rPr>
              <a:t>Shipping (Supporting Subdomain)</a:t>
            </a:r>
            <a:endParaRPr lang="en-US" sz="1600">
              <a:cs typeface="Arial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04EE2644-98CA-7F89-CEEA-B0F409866221}"/>
              </a:ext>
            </a:extLst>
          </p:cNvPr>
          <p:cNvSpPr/>
          <p:nvPr/>
        </p:nvSpPr>
        <p:spPr bwMode="gray">
          <a:xfrm>
            <a:off x="1006116" y="3742459"/>
            <a:ext cx="3010443" cy="1503217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5E0F6C3-1232-1786-8931-903D6A2E2FFC}"/>
              </a:ext>
            </a:extLst>
          </p:cNvPr>
          <p:cNvSpPr txBox="1"/>
          <p:nvPr/>
        </p:nvSpPr>
        <p:spPr>
          <a:xfrm>
            <a:off x="1143996" y="3810865"/>
            <a:ext cx="2771780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ct val="50000"/>
              </a:spcBef>
              <a:spcAft>
                <a:spcPct val="0"/>
              </a:spcAft>
            </a:pPr>
            <a:r>
              <a:rPr lang="en-US" sz="1600" kern="0">
                <a:ea typeface="Arial Unicode MS"/>
                <a:cs typeface="Arial Unicode MS"/>
              </a:rPr>
              <a:t>Inventory Management (Generic Subdomain)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97A288A-9F59-600F-08BF-1A207095EBAD}"/>
              </a:ext>
            </a:extLst>
          </p:cNvPr>
          <p:cNvSpPr/>
          <p:nvPr/>
        </p:nvSpPr>
        <p:spPr bwMode="gray">
          <a:xfrm>
            <a:off x="4505261" y="3759778"/>
            <a:ext cx="3010444" cy="1503217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98EE618-F9E4-6CC9-E182-C4842493DADA}"/>
              </a:ext>
            </a:extLst>
          </p:cNvPr>
          <p:cNvSpPr txBox="1"/>
          <p:nvPr/>
        </p:nvSpPr>
        <p:spPr>
          <a:xfrm>
            <a:off x="4608496" y="3854162"/>
            <a:ext cx="2799782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ct val="50000"/>
              </a:spcBef>
              <a:spcAft>
                <a:spcPct val="0"/>
              </a:spcAft>
            </a:pPr>
            <a:r>
              <a:rPr lang="en-US" sz="1600" kern="0">
                <a:ea typeface="Arial Unicode MS"/>
                <a:cs typeface="Arial Unicode MS"/>
              </a:rPr>
              <a:t>User Management (Supporting Subdomain)</a:t>
            </a:r>
            <a:endParaRPr lang="en-US" sz="1600">
              <a:cs typeface="Arial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0EE097-0E55-9E77-750B-339C4F48BE1B}"/>
              </a:ext>
            </a:extLst>
          </p:cNvPr>
          <p:cNvSpPr txBox="1"/>
          <p:nvPr/>
        </p:nvSpPr>
        <p:spPr>
          <a:xfrm>
            <a:off x="1105396" y="2308514"/>
            <a:ext cx="2505494" cy="73866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/>
              <a:buChar char="•"/>
            </a:pPr>
            <a:r>
              <a:rPr lang="en-US" sz="1200" kern="0">
                <a:ea typeface="Arial Unicode MS"/>
                <a:cs typeface="Arial Unicode MS"/>
              </a:rPr>
              <a:t>Product Catalog (Core)</a:t>
            </a:r>
          </a:p>
          <a:p>
            <a:pPr marL="285750" indent="-285750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/>
              <a:buChar char="•"/>
            </a:pPr>
            <a:r>
              <a:rPr lang="en-US" sz="1200" kern="0">
                <a:ea typeface="Arial Unicode MS"/>
                <a:cs typeface="Arial Unicode MS"/>
              </a:rPr>
              <a:t>Shopping Cart (Supporting)</a:t>
            </a:r>
          </a:p>
          <a:p>
            <a:pPr marL="285750" indent="-285750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/>
              <a:buChar char="•"/>
            </a:pPr>
            <a:r>
              <a:rPr lang="en-US" sz="1200" kern="0">
                <a:ea typeface="Arial Unicode MS"/>
                <a:cs typeface="Arial Unicode MS"/>
              </a:rPr>
              <a:t>Order Management (Supporting)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9A12D8F-0187-4C56-CC7F-B29260AE928D}"/>
              </a:ext>
            </a:extLst>
          </p:cNvPr>
          <p:cNvSpPr txBox="1"/>
          <p:nvPr/>
        </p:nvSpPr>
        <p:spPr>
          <a:xfrm>
            <a:off x="4638898" y="2308514"/>
            <a:ext cx="1577355" cy="461665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/>
              <a:buChar char="•"/>
            </a:pPr>
            <a:r>
              <a:rPr lang="en-US" sz="1200" kern="0">
                <a:ea typeface="Arial Unicode MS"/>
                <a:cs typeface="Arial Unicode MS"/>
              </a:rPr>
              <a:t>Payment (Generic)</a:t>
            </a:r>
          </a:p>
          <a:p>
            <a:pPr marL="285750" indent="-285750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/>
              <a:buChar char="•"/>
            </a:pPr>
            <a:r>
              <a:rPr lang="en-US" sz="1200" kern="0">
                <a:ea typeface="Arial Unicode MS"/>
                <a:cs typeface="Arial Unicode MS"/>
              </a:rPr>
              <a:t>Invoice (Generic)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4C71FF9-185F-65E3-D718-8931FE302737}"/>
              </a:ext>
            </a:extLst>
          </p:cNvPr>
          <p:cNvSpPr txBox="1"/>
          <p:nvPr/>
        </p:nvSpPr>
        <p:spPr>
          <a:xfrm>
            <a:off x="4638822" y="4438649"/>
            <a:ext cx="2803579" cy="64633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/>
              <a:buChar char="•"/>
            </a:pPr>
            <a:r>
              <a:rPr lang="en-US" sz="1200" kern="0">
                <a:ea typeface="Arial Unicode MS"/>
                <a:cs typeface="Arial Unicode MS"/>
              </a:rPr>
              <a:t>Customer Management (Supporting)</a:t>
            </a:r>
          </a:p>
          <a:p>
            <a:pPr marL="285750" indent="-285750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/>
              <a:buChar char="•"/>
            </a:pPr>
            <a:r>
              <a:rPr lang="en-US" sz="1200" kern="0">
                <a:ea typeface="Arial Unicode MS"/>
                <a:cs typeface="Arial Unicode MS"/>
              </a:rPr>
              <a:t>Administrator Management (Supporting)</a:t>
            </a:r>
          </a:p>
        </p:txBody>
      </p:sp>
    </p:spTree>
    <p:extLst>
      <p:ext uri="{BB962C8B-B14F-4D97-AF65-F5344CB8AC3E}">
        <p14:creationId xmlns:p14="http://schemas.microsoft.com/office/powerpoint/2010/main" val="56951766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Taktisches Design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63EABDB-FD83-333C-7633-3AFAC03CE687}"/>
              </a:ext>
            </a:extLst>
          </p:cNvPr>
          <p:cNvSpPr txBox="1"/>
          <p:nvPr/>
        </p:nvSpPr>
        <p:spPr>
          <a:xfrm>
            <a:off x="5522026" y="3895064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Produkt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1147894-3159-8EC9-37A2-20403BDF28F5}"/>
              </a:ext>
            </a:extLst>
          </p:cNvPr>
          <p:cNvSpPr txBox="1"/>
          <p:nvPr/>
        </p:nvSpPr>
        <p:spPr>
          <a:xfrm>
            <a:off x="9356946" y="3897995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Lieferposition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25119CA-5A83-19CF-1BF0-D157886C808E}"/>
              </a:ext>
            </a:extLst>
          </p:cNvPr>
          <p:cNvSpPr txBox="1"/>
          <p:nvPr/>
        </p:nvSpPr>
        <p:spPr>
          <a:xfrm>
            <a:off x="2549614" y="1922367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Bestellposition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2FF5CD4-5A89-7945-E873-6E3F98E85656}"/>
              </a:ext>
            </a:extLst>
          </p:cNvPr>
          <p:cNvSpPr txBox="1"/>
          <p:nvPr/>
        </p:nvSpPr>
        <p:spPr>
          <a:xfrm>
            <a:off x="9356946" y="2973328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Lieferung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2764C70-1C46-D148-5A8B-40093718D219}"/>
              </a:ext>
            </a:extLst>
          </p:cNvPr>
          <p:cNvSpPr txBox="1"/>
          <p:nvPr/>
        </p:nvSpPr>
        <p:spPr>
          <a:xfrm>
            <a:off x="2549614" y="1366873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Bestellung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19A9AC6-3516-967E-66A7-29F03E3DA49E}"/>
              </a:ext>
            </a:extLst>
          </p:cNvPr>
          <p:cNvSpPr txBox="1"/>
          <p:nvPr/>
        </p:nvSpPr>
        <p:spPr>
          <a:xfrm>
            <a:off x="1434573" y="5374830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Kund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7B24278-017D-2E7B-A7A1-A58BD459B9BB}"/>
              </a:ext>
            </a:extLst>
          </p:cNvPr>
          <p:cNvSpPr txBox="1"/>
          <p:nvPr/>
        </p:nvSpPr>
        <p:spPr>
          <a:xfrm>
            <a:off x="1421458" y="3593176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Warenkorb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EDD9B2F5-25BA-5A58-34E6-8A84A230DEB1}"/>
              </a:ext>
            </a:extLst>
          </p:cNvPr>
          <p:cNvSpPr txBox="1"/>
          <p:nvPr/>
        </p:nvSpPr>
        <p:spPr>
          <a:xfrm>
            <a:off x="1421458" y="2950605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Warenkorbpos.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BCC8D12-44C6-6F15-62B5-A81F049ABFBB}"/>
              </a:ext>
            </a:extLst>
          </p:cNvPr>
          <p:cNvSpPr txBox="1"/>
          <p:nvPr/>
        </p:nvSpPr>
        <p:spPr>
          <a:xfrm>
            <a:off x="5522026" y="5004397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Shopbot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092AD0C5-15E2-9F51-65CF-1C9F4FCA39EC}"/>
              </a:ext>
            </a:extLst>
          </p:cNvPr>
          <p:cNvSpPr txBox="1"/>
          <p:nvPr/>
        </p:nvSpPr>
        <p:spPr>
          <a:xfrm>
            <a:off x="2478185" y="5921308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Administrator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03A4E7F-03CE-3AF3-C06C-D44961CB5C0D}"/>
              </a:ext>
            </a:extLst>
          </p:cNvPr>
          <p:cNvSpPr txBox="1"/>
          <p:nvPr/>
        </p:nvSpPr>
        <p:spPr>
          <a:xfrm>
            <a:off x="6097239" y="482945"/>
            <a:ext cx="2256312" cy="369332"/>
          </a:xfrm>
          <a:prstGeom prst="rect">
            <a:avLst/>
          </a:prstGeom>
          <a:solidFill>
            <a:schemeClr val="bg1">
              <a:lumMod val="65000"/>
              <a:lumOff val="3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2400" kern="0">
                <a:ea typeface="Arial Unicode MS" pitchFamily="34" charset="-128"/>
                <a:cs typeface="Arial Unicode MS" pitchFamily="34" charset="-128"/>
              </a:rPr>
              <a:t>Telegram API</a:t>
            </a:r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240FCAC4-FA28-BB90-E69B-B7D88E325D10}"/>
              </a:ext>
            </a:extLst>
          </p:cNvPr>
          <p:cNvCxnSpPr>
            <a:cxnSpLocks/>
            <a:stCxn id="10" idx="0"/>
            <a:endCxn id="11" idx="2"/>
          </p:cNvCxnSpPr>
          <p:nvPr/>
        </p:nvCxnSpPr>
        <p:spPr>
          <a:xfrm flipH="1" flipV="1">
            <a:off x="2549614" y="3962508"/>
            <a:ext cx="13115" cy="141232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BD095A5D-D3EC-231C-7EC2-37F0499A73DD}"/>
              </a:ext>
            </a:extLst>
          </p:cNvPr>
          <p:cNvCxnSpPr>
            <a:cxnSpLocks/>
            <a:stCxn id="11" idx="0"/>
            <a:endCxn id="12" idx="2"/>
          </p:cNvCxnSpPr>
          <p:nvPr/>
        </p:nvCxnSpPr>
        <p:spPr>
          <a:xfrm flipV="1">
            <a:off x="2549614" y="3319937"/>
            <a:ext cx="0" cy="27323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9A158344-782E-F5DE-FDD9-8E78262E2454}"/>
              </a:ext>
            </a:extLst>
          </p:cNvPr>
          <p:cNvCxnSpPr>
            <a:stCxn id="8" idx="2"/>
            <a:endCxn id="6" idx="0"/>
          </p:cNvCxnSpPr>
          <p:nvPr/>
        </p:nvCxnSpPr>
        <p:spPr>
          <a:xfrm>
            <a:off x="10485102" y="3342660"/>
            <a:ext cx="0" cy="55533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AB797758-D46A-28D5-4068-26DE9357F44F}"/>
              </a:ext>
            </a:extLst>
          </p:cNvPr>
          <p:cNvCxnSpPr>
            <a:stCxn id="9" idx="2"/>
            <a:endCxn id="7" idx="0"/>
          </p:cNvCxnSpPr>
          <p:nvPr/>
        </p:nvCxnSpPr>
        <p:spPr>
          <a:xfrm>
            <a:off x="3677770" y="1736205"/>
            <a:ext cx="0" cy="18616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65EFA789-D94F-6E42-47C4-770DEF17D0B8}"/>
              </a:ext>
            </a:extLst>
          </p:cNvPr>
          <p:cNvCxnSpPr>
            <a:cxnSpLocks/>
            <a:stCxn id="6" idx="1"/>
            <a:endCxn id="5" idx="3"/>
          </p:cNvCxnSpPr>
          <p:nvPr/>
        </p:nvCxnSpPr>
        <p:spPr>
          <a:xfrm flipH="1" flipV="1">
            <a:off x="7778338" y="4079730"/>
            <a:ext cx="1578608" cy="293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A0713C9F-F1FA-F2E4-8AE5-349EA05F08DB}"/>
              </a:ext>
            </a:extLst>
          </p:cNvPr>
          <p:cNvCxnSpPr>
            <a:stCxn id="5" idx="0"/>
            <a:endCxn id="7" idx="2"/>
          </p:cNvCxnSpPr>
          <p:nvPr/>
        </p:nvCxnSpPr>
        <p:spPr>
          <a:xfrm flipH="1" flipV="1">
            <a:off x="3677770" y="2291699"/>
            <a:ext cx="2972412" cy="160336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Elbow Connector 33">
            <a:extLst>
              <a:ext uri="{FF2B5EF4-FFF2-40B4-BE49-F238E27FC236}">
                <a16:creationId xmlns:a16="http://schemas.microsoft.com/office/drawing/2014/main" id="{F0965235-A684-3F33-02B6-9A667BC8B7AD}"/>
              </a:ext>
            </a:extLst>
          </p:cNvPr>
          <p:cNvCxnSpPr>
            <a:cxnSpLocks/>
            <a:stCxn id="9" idx="3"/>
            <a:endCxn id="15" idx="2"/>
          </p:cNvCxnSpPr>
          <p:nvPr/>
        </p:nvCxnSpPr>
        <p:spPr>
          <a:xfrm flipV="1">
            <a:off x="4805926" y="852277"/>
            <a:ext cx="2419469" cy="699262"/>
          </a:xfrm>
          <a:prstGeom prst="bentConnector2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Elbow Connector 35">
            <a:extLst>
              <a:ext uri="{FF2B5EF4-FFF2-40B4-BE49-F238E27FC236}">
                <a16:creationId xmlns:a16="http://schemas.microsoft.com/office/drawing/2014/main" id="{9C5376ED-F070-9218-6415-EEC85A460465}"/>
              </a:ext>
            </a:extLst>
          </p:cNvPr>
          <p:cNvCxnSpPr>
            <a:cxnSpLocks/>
            <a:stCxn id="14" idx="3"/>
            <a:endCxn id="13" idx="1"/>
          </p:cNvCxnSpPr>
          <p:nvPr/>
        </p:nvCxnSpPr>
        <p:spPr>
          <a:xfrm flipV="1">
            <a:off x="4734497" y="5189063"/>
            <a:ext cx="787529" cy="916911"/>
          </a:xfrm>
          <a:prstGeom prst="bentConnector3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C5AACF66-1BFF-6531-78C8-BA11374B29E5}"/>
              </a:ext>
            </a:extLst>
          </p:cNvPr>
          <p:cNvCxnSpPr>
            <a:stCxn id="5" idx="2"/>
            <a:endCxn id="13" idx="0"/>
          </p:cNvCxnSpPr>
          <p:nvPr/>
        </p:nvCxnSpPr>
        <p:spPr>
          <a:xfrm>
            <a:off x="6650182" y="4264396"/>
            <a:ext cx="0" cy="74000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 45">
            <a:extLst>
              <a:ext uri="{FF2B5EF4-FFF2-40B4-BE49-F238E27FC236}">
                <a16:creationId xmlns:a16="http://schemas.microsoft.com/office/drawing/2014/main" id="{685802C7-2CD4-E5C4-53C2-C37AA4D4B8B9}"/>
              </a:ext>
            </a:extLst>
          </p:cNvPr>
          <p:cNvSpPr/>
          <p:nvPr/>
        </p:nvSpPr>
        <p:spPr bwMode="gray">
          <a:xfrm>
            <a:off x="151549" y="1113838"/>
            <a:ext cx="4976712" cy="3246853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AD0DA400-CDED-5040-490F-6976EE1737AF}"/>
              </a:ext>
            </a:extLst>
          </p:cNvPr>
          <p:cNvSpPr/>
          <p:nvPr/>
        </p:nvSpPr>
        <p:spPr bwMode="gray">
          <a:xfrm>
            <a:off x="9155067" y="2048190"/>
            <a:ext cx="2588814" cy="2394504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3E686575-CBE4-B666-2DD2-027A8295F7E5}"/>
              </a:ext>
            </a:extLst>
          </p:cNvPr>
          <p:cNvSpPr txBox="1"/>
          <p:nvPr/>
        </p:nvSpPr>
        <p:spPr>
          <a:xfrm>
            <a:off x="9356946" y="2147685"/>
            <a:ext cx="1756891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Shipping Domain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Lieferungs API</a:t>
            </a: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7F9CE3B1-6FAD-24B0-DEEA-55C69A6447A2}"/>
              </a:ext>
            </a:extLst>
          </p:cNvPr>
          <p:cNvSpPr txBox="1"/>
          <p:nvPr/>
        </p:nvSpPr>
        <p:spPr>
          <a:xfrm>
            <a:off x="5522026" y="5533663"/>
            <a:ext cx="2911053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User Management Domain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Shop API, Configuration API</a:t>
            </a: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EB53D51F-309D-B131-1D5F-D5B46331BE66}"/>
              </a:ext>
            </a:extLst>
          </p:cNvPr>
          <p:cNvSpPr txBox="1"/>
          <p:nvPr/>
        </p:nvSpPr>
        <p:spPr>
          <a:xfrm>
            <a:off x="380620" y="1322957"/>
            <a:ext cx="1846659" cy="152349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Sales Domain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Warenkorb API &amp;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Bestellungs API &amp;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Inventar API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65EB5541-5D2B-0526-D81A-0EECECA7370C}"/>
              </a:ext>
            </a:extLst>
          </p:cNvPr>
          <p:cNvSpPr txBox="1"/>
          <p:nvPr/>
        </p:nvSpPr>
        <p:spPr>
          <a:xfrm>
            <a:off x="8816820" y="493435"/>
            <a:ext cx="1474763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Billing Domain</a:t>
            </a: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970B6B70-5032-5631-FC4A-B1CA224E8E3D}"/>
              </a:ext>
            </a:extLst>
          </p:cNvPr>
          <p:cNvSpPr txBox="1"/>
          <p:nvPr/>
        </p:nvSpPr>
        <p:spPr>
          <a:xfrm>
            <a:off x="5647228" y="2391015"/>
            <a:ext cx="3218830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Inventory Management Domain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Produkte API, Allergene API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CAD75DC-EFF4-4E2C-3C45-AB237421F03B}"/>
              </a:ext>
            </a:extLst>
          </p:cNvPr>
          <p:cNvSpPr/>
          <p:nvPr/>
        </p:nvSpPr>
        <p:spPr bwMode="gray">
          <a:xfrm>
            <a:off x="760021" y="5922074"/>
            <a:ext cx="284320" cy="799360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8" name="Rectangle 67">
            <a:extLst>
              <a:ext uri="{FF2B5EF4-FFF2-40B4-BE49-F238E27FC236}">
                <a16:creationId xmlns:a16="http://schemas.microsoft.com/office/drawing/2014/main" id="{7309E2DA-661A-0456-2B36-7D3827DF5B00}"/>
              </a:ext>
            </a:extLst>
          </p:cNvPr>
          <p:cNvSpPr/>
          <p:nvPr/>
        </p:nvSpPr>
        <p:spPr bwMode="gray">
          <a:xfrm>
            <a:off x="991704" y="4857121"/>
            <a:ext cx="7721217" cy="1726560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9" name="Rectangle 68">
            <a:extLst>
              <a:ext uri="{FF2B5EF4-FFF2-40B4-BE49-F238E27FC236}">
                <a16:creationId xmlns:a16="http://schemas.microsoft.com/office/drawing/2014/main" id="{075F279C-5691-9142-A634-2F1A4FD0A592}"/>
              </a:ext>
            </a:extLst>
          </p:cNvPr>
          <p:cNvSpPr/>
          <p:nvPr/>
        </p:nvSpPr>
        <p:spPr bwMode="gray">
          <a:xfrm>
            <a:off x="5800608" y="260981"/>
            <a:ext cx="4976712" cy="1537309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Rectangle 69">
            <a:extLst>
              <a:ext uri="{FF2B5EF4-FFF2-40B4-BE49-F238E27FC236}">
                <a16:creationId xmlns:a16="http://schemas.microsoft.com/office/drawing/2014/main" id="{2CD3410D-5182-D57B-CE47-A4BA4D1488F6}"/>
              </a:ext>
            </a:extLst>
          </p:cNvPr>
          <p:cNvSpPr/>
          <p:nvPr/>
        </p:nvSpPr>
        <p:spPr bwMode="gray">
          <a:xfrm>
            <a:off x="5314871" y="2128432"/>
            <a:ext cx="3670228" cy="2506633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22082236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High-Level </a:t>
            </a:r>
            <a:r>
              <a:rPr lang="en-GB" err="1"/>
              <a:t>Architektur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Grobe</a:t>
            </a:r>
            <a:r>
              <a:rPr lang="en-GB"/>
              <a:t> Idee </a:t>
            </a:r>
            <a:r>
              <a:rPr lang="en-GB" err="1"/>
              <a:t>bereits</a:t>
            </a:r>
            <a:r>
              <a:rPr lang="en-GB"/>
              <a:t> </a:t>
            </a:r>
            <a:r>
              <a:rPr lang="en-GB" err="1"/>
              <a:t>vorgestellt</a:t>
            </a:r>
            <a:r>
              <a:rPr lang="en-GB"/>
              <a:t> und neu </a:t>
            </a:r>
            <a:r>
              <a:rPr lang="en-GB" err="1"/>
              <a:t>im</a:t>
            </a:r>
            <a:r>
              <a:rPr lang="en-GB"/>
              <a:t> </a:t>
            </a:r>
            <a:r>
              <a:rPr lang="en-GB" err="1"/>
              <a:t>Lastenheft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Konzept-Architektur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Technische</a:t>
            </a:r>
            <a:r>
              <a:rPr lang="en-GB"/>
              <a:t> </a:t>
            </a:r>
            <a:r>
              <a:rPr lang="en-GB" err="1"/>
              <a:t>Architektur</a:t>
            </a:r>
            <a:endParaRPr lang="en-GB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Beispiel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Grundkonzept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Konzept-Architektur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Weitere</a:t>
            </a:r>
            <a:r>
              <a:rPr lang="en-GB"/>
              <a:t> </a:t>
            </a:r>
            <a:r>
              <a:rPr lang="en-GB" err="1"/>
              <a:t>Makromodellierung</a:t>
            </a:r>
            <a:r>
              <a:rPr lang="en-GB"/>
              <a:t> </a:t>
            </a:r>
            <a:r>
              <a:rPr lang="en-GB" err="1"/>
              <a:t>im</a:t>
            </a:r>
            <a:r>
              <a:rPr lang="en-GB"/>
              <a:t> </a:t>
            </a:r>
            <a:r>
              <a:rPr lang="en-GB" err="1"/>
              <a:t>Anhang</a:t>
            </a:r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Makromodellierung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6D9A8DE-8C54-4927-3D17-C62D1C1D40D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290563" y="522000"/>
            <a:ext cx="3048000" cy="304800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217933C7-A147-9145-3F3E-A2A8E48D3C0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054343" y="2772876"/>
            <a:ext cx="2019332" cy="20193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5113354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00F1451-4D1F-387B-42AB-D8158BD50B8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signphase</a:t>
            </a:r>
            <a:endParaRPr lang="en-US" dirty="0"/>
          </a:p>
          <a:p>
            <a:pPr lvl="1"/>
            <a:r>
              <a:rPr lang="en-US" dirty="0" err="1"/>
              <a:t>Strategisches</a:t>
            </a:r>
            <a:r>
              <a:rPr lang="en-US" dirty="0"/>
              <a:t> Design</a:t>
            </a:r>
          </a:p>
          <a:p>
            <a:pPr lvl="1"/>
            <a:r>
              <a:rPr lang="en-US" dirty="0" err="1"/>
              <a:t>Taktisches</a:t>
            </a:r>
            <a:r>
              <a:rPr lang="en-US" dirty="0"/>
              <a:t> Design</a:t>
            </a:r>
          </a:p>
          <a:p>
            <a:pPr lvl="1"/>
            <a:r>
              <a:rPr lang="en-US" dirty="0" err="1"/>
              <a:t>Makromodellierung</a:t>
            </a:r>
            <a:endParaRPr lang="en-US" dirty="0"/>
          </a:p>
          <a:p>
            <a:pPr lvl="1"/>
            <a:r>
              <a:rPr lang="en-US" dirty="0" err="1"/>
              <a:t>Mikromodellierung</a:t>
            </a:r>
            <a:endParaRPr lang="en-US" dirty="0"/>
          </a:p>
          <a:p>
            <a:pPr lvl="1"/>
            <a:r>
              <a:rPr lang="en-US" dirty="0" err="1"/>
              <a:t>Designpatterns</a:t>
            </a:r>
            <a:endParaRPr lang="en-US" dirty="0"/>
          </a:p>
          <a:p>
            <a:r>
              <a:rPr lang="en-US" dirty="0" err="1"/>
              <a:t>Ausblick</a:t>
            </a:r>
            <a:endParaRPr lang="en-US" dirty="0"/>
          </a:p>
          <a:p>
            <a:r>
              <a:rPr lang="en-US" dirty="0"/>
              <a:t>Q &amp; A</a:t>
            </a:r>
          </a:p>
          <a:p>
            <a:r>
              <a:rPr lang="en-US" dirty="0"/>
              <a:t>Appendix</a:t>
            </a:r>
            <a:endParaRPr lang="en-DE" dirty="0"/>
          </a:p>
        </p:txBody>
      </p:sp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/>
        <p:txBody>
          <a:bodyPr>
            <a:normAutofit/>
          </a:bodyPr>
          <a:lstStyle/>
          <a:p>
            <a:r>
              <a:rPr lang="en-US" err="1"/>
              <a:t>Grundlagen</a:t>
            </a:r>
            <a:r>
              <a:rPr lang="en-US"/>
              <a:t> / </a:t>
            </a:r>
            <a:r>
              <a:rPr lang="en-US" err="1"/>
              <a:t>Planungsphase</a:t>
            </a:r>
            <a:endParaRPr lang="en-US"/>
          </a:p>
          <a:p>
            <a:pPr lvl="1"/>
            <a:r>
              <a:rPr lang="en-US" err="1"/>
              <a:t>Terminplanung</a:t>
            </a:r>
            <a:endParaRPr lang="en-US"/>
          </a:p>
          <a:p>
            <a:pPr lvl="1"/>
            <a:r>
              <a:rPr lang="en-US" err="1"/>
              <a:t>Anforderungen</a:t>
            </a:r>
            <a:r>
              <a:rPr lang="en-US"/>
              <a:t> (</a:t>
            </a:r>
            <a:r>
              <a:rPr lang="en-US" err="1"/>
              <a:t>Lastenheft</a:t>
            </a:r>
            <a:r>
              <a:rPr lang="en-US"/>
              <a:t>)</a:t>
            </a:r>
          </a:p>
          <a:p>
            <a:pPr lvl="1"/>
            <a:r>
              <a:rPr lang="en-US"/>
              <a:t>Mockups</a:t>
            </a:r>
          </a:p>
          <a:p>
            <a:pPr lvl="1"/>
            <a:r>
              <a:rPr lang="en-US" err="1"/>
              <a:t>Ressourcenplanung</a:t>
            </a:r>
            <a:endParaRPr lang="en-US"/>
          </a:p>
          <a:p>
            <a:pPr marL="0" lvl="1" indent="0">
              <a:buNone/>
            </a:pPr>
            <a:endParaRPr lang="en-US"/>
          </a:p>
          <a:p>
            <a:pPr marL="0" lvl="1" indent="0">
              <a:buNone/>
            </a:pPr>
            <a:r>
              <a:rPr lang="en-US" err="1"/>
              <a:t>Definitionsphase</a:t>
            </a:r>
            <a:endParaRPr lang="en-US"/>
          </a:p>
          <a:p>
            <a:pPr lvl="1"/>
            <a:r>
              <a:rPr lang="en-US" err="1"/>
              <a:t>Änderungen</a:t>
            </a:r>
            <a:r>
              <a:rPr lang="en-US"/>
              <a:t> </a:t>
            </a:r>
            <a:r>
              <a:rPr lang="en-US" err="1"/>
              <a:t>Lastenheft</a:t>
            </a:r>
            <a:r>
              <a:rPr lang="en-US"/>
              <a:t> =&gt; </a:t>
            </a:r>
            <a:r>
              <a:rPr lang="en-US" err="1"/>
              <a:t>Pflichtenheft</a:t>
            </a:r>
            <a:endParaRPr lang="en-US"/>
          </a:p>
          <a:p>
            <a:pPr lvl="1"/>
            <a:r>
              <a:rPr lang="en-US"/>
              <a:t>Personas</a:t>
            </a:r>
          </a:p>
          <a:p>
            <a:pPr lvl="1"/>
            <a:r>
              <a:rPr lang="en-US"/>
              <a:t>User Story</a:t>
            </a:r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817B9DDA-4A12-4F97-4B4A-F0C3CCC4FC3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15679" y="0"/>
            <a:ext cx="796381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18520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C8AB80E-E2C7-E012-D4BB-14D2ED7C1AD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450774" y="1620000"/>
            <a:ext cx="6239703" cy="4716000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Shop anlegen, konfigurieren, lösch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Warenkorb verwalt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Bestellvorga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Bezahlvorga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Lieferungsverfolgu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Kundenkonto anlegen, bearbeiten, lösch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Datenflus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Suppor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Buchhaltung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Modellierung</a:t>
            </a:r>
            <a:r>
              <a:rPr lang="en-GB"/>
              <a:t> der </a:t>
            </a:r>
            <a:r>
              <a:rPr lang="en-GB" err="1"/>
              <a:t>einzelnen</a:t>
            </a:r>
            <a:r>
              <a:rPr lang="en-GB"/>
              <a:t> </a:t>
            </a:r>
            <a:r>
              <a:rPr lang="en-GB" err="1"/>
              <a:t>Geschäftsprozesse</a:t>
            </a:r>
            <a:endParaRPr lang="en-GB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Aufteilung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Dynamische</a:t>
            </a:r>
            <a:r>
              <a:rPr lang="en-GB"/>
              <a:t> Module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Statische</a:t>
            </a:r>
            <a:r>
              <a:rPr lang="en-GB"/>
              <a:t> Module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Logische</a:t>
            </a:r>
            <a:r>
              <a:rPr lang="en-GB"/>
              <a:t> Modul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Beispiele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Bestellvorgang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Shop </a:t>
            </a:r>
            <a:r>
              <a:rPr lang="en-GB" err="1"/>
              <a:t>anlegen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Rest in </a:t>
            </a:r>
            <a:r>
              <a:rPr lang="en-GB" err="1"/>
              <a:t>Anhang</a:t>
            </a:r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Mikromodellierung</a:t>
            </a:r>
          </a:p>
        </p:txBody>
      </p:sp>
    </p:spTree>
    <p:extLst>
      <p:ext uri="{BB962C8B-B14F-4D97-AF65-F5344CB8AC3E}">
        <p14:creationId xmlns:p14="http://schemas.microsoft.com/office/powerpoint/2010/main" val="391329688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52C31660-F293-0400-6D4B-1DBC6587ED5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88C7FD4-9DFD-D824-DDD2-412E226A12E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DE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131ABB9-AEA4-722D-8E4A-22ACF477B21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97813"/>
            <a:ext cx="12195175" cy="66623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774368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2BB4D057-4B0B-6E3D-A7AC-5CDF3C5A956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23195" y="0"/>
            <a:ext cx="9948783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7393931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5014B729-C12F-F1A8-DA80-CECED8DC21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1598487"/>
            <a:ext cx="12195175" cy="36610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230131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4E275DEC-2FB4-1420-6D2A-D7F6C2DE9EB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96713"/>
            <a:ext cx="12199652" cy="5466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491307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AABCCEA4-A3E6-EEF3-29DF-CA1949E0FEA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pPr algn="ctr"/>
            <a:r>
              <a:rPr lang="en-DE"/>
              <a:t>Datenübertragung Message</a:t>
            </a:r>
          </a:p>
        </p:txBody>
      </p:sp>
      <p:pic>
        <p:nvPicPr>
          <p:cNvPr id="14" name="Picture Placeholder 13">
            <a:extLst>
              <a:ext uri="{FF2B5EF4-FFF2-40B4-BE49-F238E27FC236}">
                <a16:creationId xmlns:a16="http://schemas.microsoft.com/office/drawing/2014/main" id="{98FB2E88-6434-5DC8-4350-CE3D156927A0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/>
          <a:srcRect t="14225" b="14225"/>
          <a:stretch>
            <a:fillRect/>
          </a:stretch>
        </p:blipFill>
        <p:spPr/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6064A32-9392-6DF9-7E03-F188FD9933B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6217921" y="3878221"/>
            <a:ext cx="2664822" cy="2457780"/>
          </a:xfrm>
        </p:spPr>
        <p:txBody>
          <a:bodyPr/>
          <a:lstStyle/>
          <a:p>
            <a:pPr algn="ctr"/>
            <a:r>
              <a:rPr lang="en-DE"/>
              <a:t>Lieferungs-API</a:t>
            </a:r>
            <a:br>
              <a:rPr lang="en-DE"/>
            </a:br>
            <a:r>
              <a:rPr lang="en-DE"/>
              <a:t>(auch alle weiteren APIs)</a:t>
            </a:r>
            <a:br>
              <a:rPr lang="en-DE"/>
            </a:br>
            <a:r>
              <a:rPr lang="en-DE"/>
              <a:t>Singleton</a:t>
            </a:r>
          </a:p>
          <a:p>
            <a:pPr algn="ctr"/>
            <a:endParaRPr lang="en-DE"/>
          </a:p>
          <a:p>
            <a:pPr algn="ctr"/>
            <a:r>
              <a:rPr lang="en-GB"/>
              <a:t>Z</a:t>
            </a:r>
            <a:r>
              <a:rPr lang="en-DE"/>
              <a:t>usätzlich bei Lieferung</a:t>
            </a:r>
          </a:p>
          <a:p>
            <a:pPr algn="ctr"/>
            <a:r>
              <a:rPr lang="en-DE"/>
              <a:t>Lazy Loading der Shippinginformationen</a:t>
            </a:r>
          </a:p>
        </p:txBody>
      </p:sp>
      <p:pic>
        <p:nvPicPr>
          <p:cNvPr id="18" name="Picture Placeholder 17">
            <a:extLst>
              <a:ext uri="{FF2B5EF4-FFF2-40B4-BE49-F238E27FC236}">
                <a16:creationId xmlns:a16="http://schemas.microsoft.com/office/drawing/2014/main" id="{EB362917-6089-3EB6-1265-D78AC78C5671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3"/>
          <a:srcRect t="14201" b="14201"/>
          <a:stretch>
            <a:fillRect/>
          </a:stretch>
        </p:blipFill>
        <p:spPr>
          <a:xfrm>
            <a:off x="3424312" y="1620000"/>
            <a:ext cx="2415600" cy="1728000"/>
          </a:xfrm>
        </p:spPr>
      </p:pic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57121C31-BE67-74A4-FEEE-FE48468BAEE0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pPr algn="ctr"/>
            <a:r>
              <a:rPr lang="en-DE"/>
              <a:t>Produktliste- / bestand Lazy Loading</a:t>
            </a:r>
          </a:p>
        </p:txBody>
      </p:sp>
      <p:pic>
        <p:nvPicPr>
          <p:cNvPr id="16" name="Picture Placeholder 15">
            <a:extLst>
              <a:ext uri="{FF2B5EF4-FFF2-40B4-BE49-F238E27FC236}">
                <a16:creationId xmlns:a16="http://schemas.microsoft.com/office/drawing/2014/main" id="{4A964F7E-EC8E-6D74-0E61-BBA68B092A04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4"/>
          <a:srcRect t="14225" b="14225"/>
          <a:stretch>
            <a:fillRect/>
          </a:stretch>
        </p:blipFill>
        <p:spPr>
          <a:xfrm>
            <a:off x="543755" y="1620000"/>
            <a:ext cx="2415600" cy="1728000"/>
          </a:xfrm>
        </p:spPr>
      </p:pic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816CBD3-F6E0-9B1D-358A-67FA7587EB3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algn="ctr"/>
            <a:r>
              <a:rPr lang="en-DE"/>
              <a:t>Hauptanwendung Container</a:t>
            </a:r>
          </a:p>
        </p:txBody>
      </p:sp>
      <p:pic>
        <p:nvPicPr>
          <p:cNvPr id="12" name="Picture Placeholder 11">
            <a:extLst>
              <a:ext uri="{FF2B5EF4-FFF2-40B4-BE49-F238E27FC236}">
                <a16:creationId xmlns:a16="http://schemas.microsoft.com/office/drawing/2014/main" id="{3259CBEB-72EB-F776-DCD6-1AFCE022A495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5"/>
          <a:srcRect t="14225" b="14225"/>
          <a:stretch>
            <a:fillRect/>
          </a:stretch>
        </p:blipFill>
        <p:spPr>
          <a:xfrm>
            <a:off x="6349594" y="1620000"/>
            <a:ext cx="2415600" cy="1728000"/>
          </a:xfrm>
        </p:spPr>
      </p:pic>
      <p:sp>
        <p:nvSpPr>
          <p:cNvPr id="10" name="Title 9">
            <a:extLst>
              <a:ext uri="{FF2B5EF4-FFF2-40B4-BE49-F238E27FC236}">
                <a16:creationId xmlns:a16="http://schemas.microsoft.com/office/drawing/2014/main" id="{688055DE-B3E2-819C-4C71-54695FEAA1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Designpatterns</a:t>
            </a:r>
          </a:p>
        </p:txBody>
      </p:sp>
    </p:spTree>
    <p:extLst>
      <p:ext uri="{BB962C8B-B14F-4D97-AF65-F5344CB8AC3E}">
        <p14:creationId xmlns:p14="http://schemas.microsoft.com/office/powerpoint/2010/main" val="63480905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resentation Title">
            <a:extLst>
              <a:ext uri="{FF2B5EF4-FFF2-40B4-BE49-F238E27FC236}">
                <a16:creationId xmlns:a16="http://schemas.microsoft.com/office/drawing/2014/main" id="{ECEE67D1-AA42-2DFA-DCF3-A82F83C7E4FA}"/>
              </a:ext>
            </a:extLst>
          </p:cNvPr>
          <p:cNvSpPr txBox="1">
            <a:spLocks/>
          </p:cNvSpPr>
          <p:nvPr/>
        </p:nvSpPr>
        <p:spPr>
          <a:xfrm>
            <a:off x="169247" y="4024430"/>
            <a:ext cx="11628000" cy="997196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DE" sz="3600"/>
              <a:t>Ausblick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84FEE30-073E-91CE-2343-2483AD2C72E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463138" y="0"/>
            <a:ext cx="13062857" cy="34085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696549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Entwicklung</a:t>
            </a:r>
            <a:r>
              <a:rPr lang="en-GB"/>
              <a:t> </a:t>
            </a:r>
            <a:r>
              <a:rPr lang="en-GB" err="1"/>
              <a:t>beginnt</a:t>
            </a:r>
            <a:r>
              <a:rPr lang="en-GB"/>
              <a:t> am 01.08.2022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Stakeholder Briefing: </a:t>
            </a:r>
            <a:r>
              <a:rPr lang="en-GB" err="1"/>
              <a:t>Implemtationsphase</a:t>
            </a:r>
            <a:r>
              <a:rPr lang="en-GB"/>
              <a:t> (</a:t>
            </a:r>
            <a:r>
              <a:rPr lang="en-GB" err="1"/>
              <a:t>Anfang</a:t>
            </a:r>
            <a:r>
              <a:rPr lang="en-GB"/>
              <a:t> August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Release </a:t>
            </a:r>
            <a:r>
              <a:rPr lang="en-GB" err="1"/>
              <a:t>Testversion</a:t>
            </a:r>
            <a:r>
              <a:rPr lang="en-GB"/>
              <a:t> </a:t>
            </a:r>
            <a:r>
              <a:rPr lang="en-GB" err="1"/>
              <a:t>Anfang</a:t>
            </a:r>
            <a:r>
              <a:rPr lang="en-GB"/>
              <a:t> </a:t>
            </a:r>
            <a:r>
              <a:rPr lang="en-GB" err="1"/>
              <a:t>Oktober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Stakeholder Briefing für alle </a:t>
            </a:r>
            <a:r>
              <a:rPr lang="en-GB" err="1"/>
              <a:t>Testkunden</a:t>
            </a:r>
            <a:r>
              <a:rPr lang="en-GB"/>
              <a:t> (</a:t>
            </a:r>
            <a:r>
              <a:rPr lang="en-GB" err="1"/>
              <a:t>Anfang</a:t>
            </a:r>
            <a:r>
              <a:rPr lang="en-GB"/>
              <a:t> </a:t>
            </a:r>
            <a:r>
              <a:rPr lang="en-GB" err="1"/>
              <a:t>Oktober</a:t>
            </a:r>
            <a:r>
              <a:rPr lang="en-GB"/>
              <a:t>)</a:t>
            </a:r>
          </a:p>
          <a:p>
            <a:pPr marL="702828" lvl="2" indent="-342900">
              <a:buFont typeface="Arial" panose="020B0604020202020204" pitchFamily="34" charset="0"/>
              <a:buChar char="•"/>
            </a:pPr>
            <a:r>
              <a:rPr lang="en-GB" err="1"/>
              <a:t>Teilnahme</a:t>
            </a:r>
            <a:endParaRPr lang="en-GB"/>
          </a:p>
          <a:p>
            <a:pPr marL="702828" lvl="2" indent="-342900">
              <a:buFont typeface="Arial" panose="020B0604020202020204" pitchFamily="34" charset="0"/>
              <a:buChar char="•"/>
            </a:pPr>
            <a:r>
              <a:rPr lang="en-GB" err="1"/>
              <a:t>Bedingungen</a:t>
            </a:r>
            <a:endParaRPr lang="en-GB"/>
          </a:p>
          <a:p>
            <a:pPr marL="702828" lvl="2" indent="-342900">
              <a:buFont typeface="Arial" panose="020B0604020202020204" pitchFamily="34" charset="0"/>
              <a:buChar char="•"/>
            </a:pPr>
            <a:r>
              <a:rPr lang="en-GB" err="1"/>
              <a:t>Funktionen</a:t>
            </a:r>
            <a:endParaRPr lang="en-GB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Release Walking Skeleton Ende Q4 2022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Stakeholder Briefing: </a:t>
            </a:r>
            <a:r>
              <a:rPr lang="en-GB" err="1"/>
              <a:t>Wartungsphase</a:t>
            </a:r>
            <a:r>
              <a:rPr lang="en-GB"/>
              <a:t> (</a:t>
            </a:r>
            <a:r>
              <a:rPr lang="en-GB" err="1"/>
              <a:t>Anfang</a:t>
            </a:r>
            <a:r>
              <a:rPr lang="en-GB"/>
              <a:t> Q4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Release </a:t>
            </a:r>
            <a:r>
              <a:rPr lang="en-GB" err="1"/>
              <a:t>Vollständige</a:t>
            </a:r>
            <a:r>
              <a:rPr lang="en-GB"/>
              <a:t> Version Ende Q2 2023</a:t>
            </a:r>
          </a:p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Ausblick</a:t>
            </a:r>
          </a:p>
        </p:txBody>
      </p:sp>
    </p:spTree>
    <p:extLst>
      <p:ext uri="{BB962C8B-B14F-4D97-AF65-F5344CB8AC3E}">
        <p14:creationId xmlns:p14="http://schemas.microsoft.com/office/powerpoint/2010/main" val="22991369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5F253D4B-DCBF-0B4C-849A-D37213C20E2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822317" y="3111913"/>
            <a:ext cx="11185200" cy="677108"/>
          </a:xfrm>
        </p:spPr>
        <p:txBody>
          <a:bodyPr wrap="square" anchor="ctr">
            <a:noAutofit/>
          </a:bodyPr>
          <a:lstStyle/>
          <a:p>
            <a:r>
              <a:rPr lang="en-US"/>
              <a:t>Q &amp; A</a:t>
            </a:r>
          </a:p>
        </p:txBody>
      </p:sp>
      <p:grpSp>
        <p:nvGrpSpPr>
          <p:cNvPr id="2" name="Picture 2">
            <a:extLst>
              <a:ext uri="{FF2B5EF4-FFF2-40B4-BE49-F238E27FC236}">
                <a16:creationId xmlns:a16="http://schemas.microsoft.com/office/drawing/2014/main" id="{9ACCB320-9CD7-D642-AAEB-F5F9E1C8B4D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6097589" y="873564"/>
            <a:ext cx="5110875" cy="5110875"/>
            <a:chOff x="6097588" y="872897"/>
            <a:chExt cx="5112206" cy="5112206"/>
          </a:xfrm>
        </p:grpSpPr>
        <p:sp>
          <p:nvSpPr>
            <p:cNvPr id="4" name="Freeform 3">
              <a:extLst>
                <a:ext uri="{FF2B5EF4-FFF2-40B4-BE49-F238E27FC236}">
                  <a16:creationId xmlns:a16="http://schemas.microsoft.com/office/drawing/2014/main" id="{789250B6-F037-7042-98FA-F6FF8EF40BC0}"/>
                </a:ext>
              </a:extLst>
            </p:cNvPr>
            <p:cNvSpPr/>
            <p:nvPr/>
          </p:nvSpPr>
          <p:spPr>
            <a:xfrm>
              <a:off x="7344696" y="1488179"/>
              <a:ext cx="1397120" cy="1394261"/>
            </a:xfrm>
            <a:custGeom>
              <a:avLst/>
              <a:gdLst>
                <a:gd name="connsiteX0" fmla="*/ 1385464 w 1397120"/>
                <a:gd name="connsiteY0" fmla="*/ 629327 h 1394261"/>
                <a:gd name="connsiteX1" fmla="*/ 1380991 w 1397120"/>
                <a:gd name="connsiteY1" fmla="*/ 610795 h 1394261"/>
                <a:gd name="connsiteX2" fmla="*/ 1206324 w 1397120"/>
                <a:gd name="connsiteY2" fmla="*/ 436341 h 1394261"/>
                <a:gd name="connsiteX3" fmla="*/ 1082566 w 1397120"/>
                <a:gd name="connsiteY3" fmla="*/ 312370 h 1394261"/>
                <a:gd name="connsiteX4" fmla="*/ 1082566 w 1397120"/>
                <a:gd name="connsiteY4" fmla="*/ 312370 h 1394261"/>
                <a:gd name="connsiteX5" fmla="*/ 841441 w 1397120"/>
                <a:gd name="connsiteY5" fmla="*/ 71032 h 1394261"/>
                <a:gd name="connsiteX6" fmla="*/ 841441 w 1397120"/>
                <a:gd name="connsiteY6" fmla="*/ 71032 h 1394261"/>
                <a:gd name="connsiteX7" fmla="*/ 810128 w 1397120"/>
                <a:gd name="connsiteY7" fmla="*/ 45044 h 1394261"/>
                <a:gd name="connsiteX8" fmla="*/ 652715 w 1397120"/>
                <a:gd name="connsiteY8" fmla="*/ 100 h 1394261"/>
                <a:gd name="connsiteX9" fmla="*/ 214130 w 1397120"/>
                <a:gd name="connsiteY9" fmla="*/ 214173 h 1394261"/>
                <a:gd name="connsiteX10" fmla="*/ 14115 w 1397120"/>
                <a:gd name="connsiteY10" fmla="*/ 547106 h 1394261"/>
                <a:gd name="connsiteX11" fmla="*/ 70562 w 1397120"/>
                <a:gd name="connsiteY11" fmla="*/ 840845 h 1394261"/>
                <a:gd name="connsiteX12" fmla="*/ 70562 w 1397120"/>
                <a:gd name="connsiteY12" fmla="*/ 840845 h 1394261"/>
                <a:gd name="connsiteX13" fmla="*/ 70562 w 1397120"/>
                <a:gd name="connsiteY13" fmla="*/ 840845 h 1394261"/>
                <a:gd name="connsiteX14" fmla="*/ 312114 w 1397120"/>
                <a:gd name="connsiteY14" fmla="*/ 1082609 h 1394261"/>
                <a:gd name="connsiteX15" fmla="*/ 312114 w 1397120"/>
                <a:gd name="connsiteY15" fmla="*/ 1082609 h 1394261"/>
                <a:gd name="connsiteX16" fmla="*/ 482521 w 1397120"/>
                <a:gd name="connsiteY16" fmla="*/ 1253016 h 1394261"/>
                <a:gd name="connsiteX17" fmla="*/ 553027 w 1397120"/>
                <a:gd name="connsiteY17" fmla="*/ 1323522 h 1394261"/>
                <a:gd name="connsiteX18" fmla="*/ 553027 w 1397120"/>
                <a:gd name="connsiteY18" fmla="*/ 1323522 h 1394261"/>
                <a:gd name="connsiteX19" fmla="*/ 608835 w 1397120"/>
                <a:gd name="connsiteY19" fmla="*/ 1379330 h 1394261"/>
                <a:gd name="connsiteX20" fmla="*/ 740900 w 1397120"/>
                <a:gd name="connsiteY20" fmla="*/ 1393815 h 1394261"/>
                <a:gd name="connsiteX21" fmla="*/ 740900 w 1397120"/>
                <a:gd name="connsiteY21" fmla="*/ 1393815 h 1394261"/>
                <a:gd name="connsiteX22" fmla="*/ 794579 w 1397120"/>
                <a:gd name="connsiteY22" fmla="*/ 1389981 h 1394261"/>
                <a:gd name="connsiteX23" fmla="*/ 1179485 w 1397120"/>
                <a:gd name="connsiteY23" fmla="*/ 1179741 h 1394261"/>
                <a:gd name="connsiteX24" fmla="*/ 1385464 w 1397120"/>
                <a:gd name="connsiteY24" fmla="*/ 629327 h 139426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1397120" h="1394261">
                  <a:moveTo>
                    <a:pt x="1385464" y="629327"/>
                  </a:moveTo>
                  <a:cubicBezTo>
                    <a:pt x="1384817" y="622976"/>
                    <a:pt x="1383312" y="616742"/>
                    <a:pt x="1380991" y="610795"/>
                  </a:cubicBezTo>
                  <a:lnTo>
                    <a:pt x="1206324" y="436341"/>
                  </a:lnTo>
                  <a:lnTo>
                    <a:pt x="1082566" y="312370"/>
                  </a:lnTo>
                  <a:lnTo>
                    <a:pt x="1082566" y="312370"/>
                  </a:lnTo>
                  <a:lnTo>
                    <a:pt x="841441" y="71032"/>
                  </a:lnTo>
                  <a:lnTo>
                    <a:pt x="841441" y="71032"/>
                  </a:lnTo>
                  <a:lnTo>
                    <a:pt x="810128" y="45044"/>
                  </a:lnTo>
                  <a:cubicBezTo>
                    <a:pt x="763505" y="14280"/>
                    <a:pt x="708553" y="-1410"/>
                    <a:pt x="652715" y="100"/>
                  </a:cubicBezTo>
                  <a:cubicBezTo>
                    <a:pt x="512129" y="100"/>
                    <a:pt x="348113" y="80191"/>
                    <a:pt x="214130" y="214173"/>
                  </a:cubicBezTo>
                  <a:cubicBezTo>
                    <a:pt x="119214" y="305530"/>
                    <a:pt x="50200" y="420406"/>
                    <a:pt x="14115" y="547106"/>
                  </a:cubicBezTo>
                  <a:cubicBezTo>
                    <a:pt x="-16771" y="668947"/>
                    <a:pt x="3465" y="773108"/>
                    <a:pt x="70562" y="840845"/>
                  </a:cubicBezTo>
                  <a:lnTo>
                    <a:pt x="70562" y="840845"/>
                  </a:lnTo>
                  <a:lnTo>
                    <a:pt x="70562" y="840845"/>
                  </a:lnTo>
                  <a:lnTo>
                    <a:pt x="312114" y="1082609"/>
                  </a:lnTo>
                  <a:lnTo>
                    <a:pt x="312114" y="1082609"/>
                  </a:lnTo>
                  <a:lnTo>
                    <a:pt x="482521" y="1253016"/>
                  </a:lnTo>
                  <a:lnTo>
                    <a:pt x="553027" y="1323522"/>
                  </a:lnTo>
                  <a:lnTo>
                    <a:pt x="553027" y="1323522"/>
                  </a:lnTo>
                  <a:lnTo>
                    <a:pt x="608835" y="1379330"/>
                  </a:lnTo>
                  <a:cubicBezTo>
                    <a:pt x="651843" y="1390956"/>
                    <a:pt x="696395" y="1395843"/>
                    <a:pt x="740900" y="1393815"/>
                  </a:cubicBezTo>
                  <a:lnTo>
                    <a:pt x="740900" y="1393815"/>
                  </a:lnTo>
                  <a:cubicBezTo>
                    <a:pt x="758860" y="1393780"/>
                    <a:pt x="776796" y="1392498"/>
                    <a:pt x="794579" y="1389981"/>
                  </a:cubicBezTo>
                  <a:cubicBezTo>
                    <a:pt x="922384" y="1372940"/>
                    <a:pt x="1062117" y="1297109"/>
                    <a:pt x="1179485" y="1179741"/>
                  </a:cubicBezTo>
                  <a:cubicBezTo>
                    <a:pt x="1438291" y="923066"/>
                    <a:pt x="1401866" y="694934"/>
                    <a:pt x="1385464" y="629327"/>
                  </a:cubicBezTo>
                  <a:close/>
                </a:path>
              </a:pathLst>
            </a:custGeom>
            <a:solidFill>
              <a:srgbClr val="008FD3"/>
            </a:solidFill>
            <a:ln w="21273" cap="flat">
              <a:noFill/>
              <a:prstDash val="solid"/>
              <a:miter/>
            </a:ln>
          </p:spPr>
          <p:txBody>
            <a:bodyPr rot="0" spcFirstLastPara="0" vertOverflow="overflow" horzOverflow="overflow" vert="horz" wrap="square" lIns="91416" tIns="45708" rIns="91416" bIns="45708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defTabSz="1088449"/>
              <a:endParaRPr lang="en-US" sz="2099">
                <a:solidFill>
                  <a:srgbClr val="000000"/>
                </a:solidFill>
              </a:endParaRPr>
            </a:p>
          </p:txBody>
        </p:sp>
        <p:sp>
          <p:nvSpPr>
            <p:cNvPr id="5" name="Freeform 4">
              <a:extLst>
                <a:ext uri="{FF2B5EF4-FFF2-40B4-BE49-F238E27FC236}">
                  <a16:creationId xmlns:a16="http://schemas.microsoft.com/office/drawing/2014/main" id="{8FA60A41-DD5A-E149-89C1-3427BC5DF13A}"/>
                </a:ext>
              </a:extLst>
            </p:cNvPr>
            <p:cNvSpPr/>
            <p:nvPr/>
          </p:nvSpPr>
          <p:spPr>
            <a:xfrm>
              <a:off x="7898788" y="2042527"/>
              <a:ext cx="842741" cy="840978"/>
            </a:xfrm>
            <a:custGeom>
              <a:avLst/>
              <a:gdLst>
                <a:gd name="connsiteX0" fmla="*/ 187874 w 842741"/>
                <a:gd name="connsiteY0" fmla="*/ 840532 h 840978"/>
                <a:gd name="connsiteX1" fmla="*/ 187874 w 842741"/>
                <a:gd name="connsiteY1" fmla="*/ 840532 h 840978"/>
                <a:gd name="connsiteX2" fmla="*/ 626458 w 842741"/>
                <a:gd name="connsiteY2" fmla="*/ 626458 h 840978"/>
                <a:gd name="connsiteX3" fmla="*/ 826899 w 842741"/>
                <a:gd name="connsiteY3" fmla="*/ 56447 h 840978"/>
                <a:gd name="connsiteX4" fmla="*/ 770239 w 842741"/>
                <a:gd name="connsiteY4" fmla="*/ 0 h 840978"/>
                <a:gd name="connsiteX5" fmla="*/ 0 w 842741"/>
                <a:gd name="connsiteY5" fmla="*/ 770239 h 840978"/>
                <a:gd name="connsiteX6" fmla="*/ 55808 w 842741"/>
                <a:gd name="connsiteY6" fmla="*/ 826047 h 840978"/>
                <a:gd name="connsiteX7" fmla="*/ 187874 w 842741"/>
                <a:gd name="connsiteY7" fmla="*/ 840532 h 84097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42741" h="840978">
                  <a:moveTo>
                    <a:pt x="187874" y="840532"/>
                  </a:moveTo>
                  <a:lnTo>
                    <a:pt x="187874" y="840532"/>
                  </a:lnTo>
                  <a:cubicBezTo>
                    <a:pt x="328459" y="840532"/>
                    <a:pt x="492476" y="760441"/>
                    <a:pt x="626458" y="626458"/>
                  </a:cubicBezTo>
                  <a:cubicBezTo>
                    <a:pt x="938942" y="313762"/>
                    <a:pt x="818166" y="44519"/>
                    <a:pt x="826899" y="56447"/>
                  </a:cubicBezTo>
                  <a:lnTo>
                    <a:pt x="770239" y="0"/>
                  </a:lnTo>
                  <a:lnTo>
                    <a:pt x="0" y="770239"/>
                  </a:lnTo>
                  <a:lnTo>
                    <a:pt x="55808" y="826047"/>
                  </a:lnTo>
                  <a:cubicBezTo>
                    <a:pt x="98817" y="837674"/>
                    <a:pt x="143368" y="842560"/>
                    <a:pt x="187874" y="840532"/>
                  </a:cubicBezTo>
                  <a:close/>
                </a:path>
              </a:pathLst>
            </a:custGeom>
            <a:solidFill>
              <a:srgbClr val="F0AB00"/>
            </a:solidFill>
            <a:ln w="21273" cap="flat">
              <a:noFill/>
              <a:prstDash val="solid"/>
              <a:miter/>
            </a:ln>
          </p:spPr>
          <p:txBody>
            <a:bodyPr rot="0" spcFirstLastPara="0" vertOverflow="overflow" horzOverflow="overflow" vert="horz" wrap="square" lIns="91416" tIns="45708" rIns="91416" bIns="45708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defTabSz="1088449"/>
              <a:endParaRPr lang="en-US" sz="2099">
                <a:solidFill>
                  <a:srgbClr val="000000"/>
                </a:solidFill>
              </a:endParaRPr>
            </a:p>
          </p:txBody>
        </p:sp>
        <p:sp>
          <p:nvSpPr>
            <p:cNvPr id="6" name="Freeform 5">
              <a:extLst>
                <a:ext uri="{FF2B5EF4-FFF2-40B4-BE49-F238E27FC236}">
                  <a16:creationId xmlns:a16="http://schemas.microsoft.com/office/drawing/2014/main" id="{E0B4B294-EE59-BC4C-8267-2C43154B6FD1}"/>
                </a:ext>
              </a:extLst>
            </p:cNvPr>
            <p:cNvSpPr/>
            <p:nvPr/>
          </p:nvSpPr>
          <p:spPr>
            <a:xfrm rot="-2699400">
              <a:off x="7618258" y="2135921"/>
              <a:ext cx="1089325" cy="341665"/>
            </a:xfrm>
            <a:custGeom>
              <a:avLst/>
              <a:gdLst>
                <a:gd name="connsiteX0" fmla="*/ 0 w 1089325"/>
                <a:gd name="connsiteY0" fmla="*/ 0 h 341665"/>
                <a:gd name="connsiteX1" fmla="*/ 1089326 w 1089325"/>
                <a:gd name="connsiteY1" fmla="*/ 0 h 341665"/>
                <a:gd name="connsiteX2" fmla="*/ 1089326 w 1089325"/>
                <a:gd name="connsiteY2" fmla="*/ 341666 h 341665"/>
                <a:gd name="connsiteX3" fmla="*/ 0 w 1089325"/>
                <a:gd name="connsiteY3" fmla="*/ 341666 h 3416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089325" h="341665">
                  <a:moveTo>
                    <a:pt x="0" y="0"/>
                  </a:moveTo>
                  <a:lnTo>
                    <a:pt x="1089326" y="0"/>
                  </a:lnTo>
                  <a:lnTo>
                    <a:pt x="1089326" y="341666"/>
                  </a:lnTo>
                  <a:lnTo>
                    <a:pt x="0" y="341666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21273" cap="flat">
              <a:noFill/>
              <a:prstDash val="solid"/>
              <a:miter/>
            </a:ln>
          </p:spPr>
          <p:txBody>
            <a:bodyPr rot="0" spcFirstLastPara="0" vertOverflow="overflow" horzOverflow="overflow" vert="horz" wrap="square" lIns="91416" tIns="45708" rIns="91416" bIns="45708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defTabSz="1088449"/>
              <a:endParaRPr lang="en-US" sz="2099">
                <a:solidFill>
                  <a:srgbClr val="000000"/>
                </a:solidFill>
              </a:endParaRPr>
            </a:p>
          </p:txBody>
        </p:sp>
        <p:sp>
          <p:nvSpPr>
            <p:cNvPr id="7" name="Freeform 6">
              <a:extLst>
                <a:ext uri="{FF2B5EF4-FFF2-40B4-BE49-F238E27FC236}">
                  <a16:creationId xmlns:a16="http://schemas.microsoft.com/office/drawing/2014/main" id="{40FECB9D-C2D8-0748-9ED4-11560E6EB487}"/>
                </a:ext>
              </a:extLst>
            </p:cNvPr>
            <p:cNvSpPr/>
            <p:nvPr/>
          </p:nvSpPr>
          <p:spPr>
            <a:xfrm>
              <a:off x="7415259" y="1559210"/>
              <a:ext cx="1012003" cy="1011577"/>
            </a:xfrm>
            <a:custGeom>
              <a:avLst/>
              <a:gdLst>
                <a:gd name="connsiteX0" fmla="*/ 241552 w 1012003"/>
                <a:gd name="connsiteY0" fmla="*/ 1011578 h 1011577"/>
                <a:gd name="connsiteX1" fmla="*/ 1012004 w 1012003"/>
                <a:gd name="connsiteY1" fmla="*/ 241339 h 1011577"/>
                <a:gd name="connsiteX2" fmla="*/ 770878 w 1012003"/>
                <a:gd name="connsiteY2" fmla="*/ 0 h 1011577"/>
                <a:gd name="connsiteX3" fmla="*/ 770878 w 1012003"/>
                <a:gd name="connsiteY3" fmla="*/ 0 h 1011577"/>
                <a:gd name="connsiteX4" fmla="*/ 0 w 1012003"/>
                <a:gd name="connsiteY4" fmla="*/ 770026 h 1011577"/>
                <a:gd name="connsiteX5" fmla="*/ 0 w 1012003"/>
                <a:gd name="connsiteY5" fmla="*/ 770026 h 10115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012003" h="1011577">
                  <a:moveTo>
                    <a:pt x="241552" y="1011578"/>
                  </a:moveTo>
                  <a:lnTo>
                    <a:pt x="1012004" y="241339"/>
                  </a:lnTo>
                  <a:lnTo>
                    <a:pt x="770878" y="0"/>
                  </a:lnTo>
                  <a:lnTo>
                    <a:pt x="770878" y="0"/>
                  </a:lnTo>
                  <a:lnTo>
                    <a:pt x="0" y="770026"/>
                  </a:lnTo>
                  <a:lnTo>
                    <a:pt x="0" y="770026"/>
                  </a:ln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21273" cap="flat">
              <a:noFill/>
              <a:prstDash val="solid"/>
              <a:miter/>
            </a:ln>
          </p:spPr>
          <p:txBody>
            <a:bodyPr rot="0" spcFirstLastPara="0" vertOverflow="overflow" horzOverflow="overflow" vert="horz" wrap="square" lIns="91416" tIns="45708" rIns="91416" bIns="45708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defTabSz="1088449"/>
              <a:endParaRPr lang="en-US" sz="2099">
                <a:solidFill>
                  <a:srgbClr val="000000"/>
                </a:solidFill>
              </a:endParaRPr>
            </a:p>
          </p:txBody>
        </p:sp>
        <p:sp>
          <p:nvSpPr>
            <p:cNvPr id="8" name="Freeform 7">
              <a:extLst>
                <a:ext uri="{FF2B5EF4-FFF2-40B4-BE49-F238E27FC236}">
                  <a16:creationId xmlns:a16="http://schemas.microsoft.com/office/drawing/2014/main" id="{13AD2BF2-E622-444B-8D32-FE4F80536CA0}"/>
                </a:ext>
              </a:extLst>
            </p:cNvPr>
            <p:cNvSpPr/>
            <p:nvPr/>
          </p:nvSpPr>
          <p:spPr>
            <a:xfrm>
              <a:off x="7381390" y="2100252"/>
              <a:ext cx="2579533" cy="3239221"/>
            </a:xfrm>
            <a:custGeom>
              <a:avLst/>
              <a:gdLst>
                <a:gd name="connsiteX0" fmla="*/ 2062136 w 2579533"/>
                <a:gd name="connsiteY0" fmla="*/ 2753988 h 3239221"/>
                <a:gd name="connsiteX1" fmla="*/ 1031175 w 2579533"/>
                <a:gd name="connsiteY1" fmla="*/ 3239222 h 3239221"/>
                <a:gd name="connsiteX2" fmla="*/ 0 w 2579533"/>
                <a:gd name="connsiteY2" fmla="*/ 2753988 h 3239221"/>
                <a:gd name="connsiteX3" fmla="*/ 525279 w 2579533"/>
                <a:gd name="connsiteY3" fmla="*/ 2329036 h 3239221"/>
                <a:gd name="connsiteX4" fmla="*/ 525279 w 2579533"/>
                <a:gd name="connsiteY4" fmla="*/ 2418074 h 3239221"/>
                <a:gd name="connsiteX5" fmla="*/ 85203 w 2579533"/>
                <a:gd name="connsiteY5" fmla="*/ 2753988 h 3239221"/>
                <a:gd name="connsiteX6" fmla="*/ 1031175 w 2579533"/>
                <a:gd name="connsiteY6" fmla="*/ 3154018 h 3239221"/>
                <a:gd name="connsiteX7" fmla="*/ 1977146 w 2579533"/>
                <a:gd name="connsiteY7" fmla="*/ 2753988 h 3239221"/>
                <a:gd name="connsiteX8" fmla="*/ 1537070 w 2579533"/>
                <a:gd name="connsiteY8" fmla="*/ 2418074 h 3239221"/>
                <a:gd name="connsiteX9" fmla="*/ 1537070 w 2579533"/>
                <a:gd name="connsiteY9" fmla="*/ 2329888 h 3239221"/>
                <a:gd name="connsiteX10" fmla="*/ 2062136 w 2579533"/>
                <a:gd name="connsiteY10" fmla="*/ 2753988 h 3239221"/>
                <a:gd name="connsiteX11" fmla="*/ 2579534 w 2579533"/>
                <a:gd name="connsiteY11" fmla="*/ 2747811 h 3239221"/>
                <a:gd name="connsiteX12" fmla="*/ 2531607 w 2579533"/>
                <a:gd name="connsiteY12" fmla="*/ 2818317 h 3239221"/>
                <a:gd name="connsiteX13" fmla="*/ 2104099 w 2579533"/>
                <a:gd name="connsiteY13" fmla="*/ 2427446 h 3239221"/>
                <a:gd name="connsiteX14" fmla="*/ 1884487 w 2579533"/>
                <a:gd name="connsiteY14" fmla="*/ 1764563 h 3239221"/>
                <a:gd name="connsiteX15" fmla="*/ 1712376 w 2579533"/>
                <a:gd name="connsiteY15" fmla="*/ 1214575 h 3239221"/>
                <a:gd name="connsiteX16" fmla="*/ 1604381 w 2579533"/>
                <a:gd name="connsiteY16" fmla="*/ 1089752 h 3239221"/>
                <a:gd name="connsiteX17" fmla="*/ 1481688 w 2579533"/>
                <a:gd name="connsiteY17" fmla="*/ 1168991 h 3239221"/>
                <a:gd name="connsiteX18" fmla="*/ 1197747 w 2579533"/>
                <a:gd name="connsiteY18" fmla="*/ 1514704 h 3239221"/>
                <a:gd name="connsiteX19" fmla="*/ 1197747 w 2579533"/>
                <a:gd name="connsiteY19" fmla="*/ 1709394 h 3239221"/>
                <a:gd name="connsiteX20" fmla="*/ 1366663 w 2579533"/>
                <a:gd name="connsiteY20" fmla="*/ 1861056 h 3239221"/>
                <a:gd name="connsiteX21" fmla="*/ 1366663 w 2579533"/>
                <a:gd name="connsiteY21" fmla="*/ 2483041 h 3239221"/>
                <a:gd name="connsiteX22" fmla="*/ 1031175 w 2579533"/>
                <a:gd name="connsiteY22" fmla="*/ 2656856 h 3239221"/>
                <a:gd name="connsiteX23" fmla="*/ 695686 w 2579533"/>
                <a:gd name="connsiteY23" fmla="*/ 2483041 h 3239221"/>
                <a:gd name="connsiteX24" fmla="*/ 695686 w 2579533"/>
                <a:gd name="connsiteY24" fmla="*/ 1861269 h 3239221"/>
                <a:gd name="connsiteX25" fmla="*/ 864389 w 2579533"/>
                <a:gd name="connsiteY25" fmla="*/ 1709181 h 3239221"/>
                <a:gd name="connsiteX26" fmla="*/ 864389 w 2579533"/>
                <a:gd name="connsiteY26" fmla="*/ 1514491 h 3239221"/>
                <a:gd name="connsiteX27" fmla="*/ 573632 w 2579533"/>
                <a:gd name="connsiteY27" fmla="*/ 1088474 h 3239221"/>
                <a:gd name="connsiteX28" fmla="*/ 573632 w 2579533"/>
                <a:gd name="connsiteY28" fmla="*/ 768109 h 3239221"/>
                <a:gd name="connsiteX29" fmla="*/ 705697 w 2579533"/>
                <a:gd name="connsiteY29" fmla="*/ 783020 h 3239221"/>
                <a:gd name="connsiteX30" fmla="*/ 708467 w 2579533"/>
                <a:gd name="connsiteY30" fmla="*/ 783020 h 3239221"/>
                <a:gd name="connsiteX31" fmla="*/ 1068025 w 2579533"/>
                <a:gd name="connsiteY31" fmla="*/ 636896 h 3239221"/>
                <a:gd name="connsiteX32" fmla="*/ 1144495 w 2579533"/>
                <a:gd name="connsiteY32" fmla="*/ 569585 h 3239221"/>
                <a:gd name="connsiteX33" fmla="*/ 1208398 w 2579533"/>
                <a:gd name="connsiteY33" fmla="*/ 498014 h 3239221"/>
                <a:gd name="connsiteX34" fmla="*/ 1357504 w 2579533"/>
                <a:gd name="connsiteY34" fmla="*/ 129509 h 3239221"/>
                <a:gd name="connsiteX35" fmla="*/ 1343445 w 2579533"/>
                <a:gd name="connsiteY35" fmla="*/ 0 h 3239221"/>
                <a:gd name="connsiteX36" fmla="*/ 1651456 w 2579533"/>
                <a:gd name="connsiteY36" fmla="*/ 306306 h 3239221"/>
                <a:gd name="connsiteX37" fmla="*/ 1651456 w 2579533"/>
                <a:gd name="connsiteY37" fmla="*/ 306306 h 3239221"/>
                <a:gd name="connsiteX38" fmla="*/ 1664236 w 2579533"/>
                <a:gd name="connsiteY38" fmla="*/ 1030536 h 3239221"/>
                <a:gd name="connsiteX39" fmla="*/ 1779900 w 2579533"/>
                <a:gd name="connsiteY39" fmla="*/ 1163666 h 3239221"/>
                <a:gd name="connsiteX40" fmla="*/ 1969052 w 2579533"/>
                <a:gd name="connsiteY40" fmla="*/ 1756043 h 3239221"/>
                <a:gd name="connsiteX41" fmla="*/ 2171623 w 2579533"/>
                <a:gd name="connsiteY41" fmla="*/ 2376750 h 3239221"/>
                <a:gd name="connsiteX42" fmla="*/ 2579534 w 2579533"/>
                <a:gd name="connsiteY42" fmla="*/ 2747811 h 3239221"/>
                <a:gd name="connsiteX43" fmla="*/ 768961 w 2579533"/>
                <a:gd name="connsiteY43" fmla="*/ 843940 h 3239221"/>
                <a:gd name="connsiteX44" fmla="*/ 925309 w 2579533"/>
                <a:gd name="connsiteY44" fmla="*/ 1000288 h 3239221"/>
                <a:gd name="connsiteX45" fmla="*/ 1402236 w 2579533"/>
                <a:gd name="connsiteY45" fmla="*/ 1108710 h 3239221"/>
                <a:gd name="connsiteX46" fmla="*/ 1402236 w 2579533"/>
                <a:gd name="connsiteY46" fmla="*/ 1091456 h 3239221"/>
                <a:gd name="connsiteX47" fmla="*/ 1402236 w 2579533"/>
                <a:gd name="connsiteY47" fmla="*/ 760654 h 3239221"/>
                <a:gd name="connsiteX48" fmla="*/ 1487439 w 2579533"/>
                <a:gd name="connsiteY48" fmla="*/ 760654 h 3239221"/>
                <a:gd name="connsiteX49" fmla="*/ 1487439 w 2579533"/>
                <a:gd name="connsiteY49" fmla="*/ 1068025 h 3239221"/>
                <a:gd name="connsiteX50" fmla="*/ 1644703 w 2579533"/>
                <a:gd name="connsiteY50" fmla="*/ 440364 h 3239221"/>
                <a:gd name="connsiteX51" fmla="*/ 1574346 w 2579533"/>
                <a:gd name="connsiteY51" fmla="*/ 350612 h 3239221"/>
                <a:gd name="connsiteX52" fmla="*/ 1559010 w 2579533"/>
                <a:gd name="connsiteY52" fmla="*/ 335063 h 3239221"/>
                <a:gd name="connsiteX53" fmla="*/ 1559010 w 2579533"/>
                <a:gd name="connsiteY53" fmla="*/ 335063 h 3239221"/>
                <a:gd name="connsiteX54" fmla="*/ 1417572 w 2579533"/>
                <a:gd name="connsiteY54" fmla="*/ 193625 h 3239221"/>
                <a:gd name="connsiteX55" fmla="*/ 1204564 w 2579533"/>
                <a:gd name="connsiteY55" fmla="*/ 629866 h 3239221"/>
                <a:gd name="connsiteX56" fmla="*/ 871631 w 2579533"/>
                <a:gd name="connsiteY56" fmla="*/ 829882 h 3239221"/>
                <a:gd name="connsiteX57" fmla="*/ 769387 w 2579533"/>
                <a:gd name="connsiteY57" fmla="*/ 843940 h 3239221"/>
                <a:gd name="connsiteX58" fmla="*/ 1197108 w 2579533"/>
                <a:gd name="connsiteY58" fmla="*/ 1798432 h 3239221"/>
                <a:gd name="connsiteX59" fmla="*/ 1030749 w 2579533"/>
                <a:gd name="connsiteY59" fmla="*/ 1893859 h 3239221"/>
                <a:gd name="connsiteX60" fmla="*/ 864176 w 2579533"/>
                <a:gd name="connsiteY60" fmla="*/ 1798432 h 3239221"/>
                <a:gd name="connsiteX61" fmla="*/ 780464 w 2579533"/>
                <a:gd name="connsiteY61" fmla="*/ 1861269 h 3239221"/>
                <a:gd name="connsiteX62" fmla="*/ 780464 w 2579533"/>
                <a:gd name="connsiteY62" fmla="*/ 2483041 h 3239221"/>
                <a:gd name="connsiteX63" fmla="*/ 1030749 w 2579533"/>
                <a:gd name="connsiteY63" fmla="*/ 2571653 h 3239221"/>
                <a:gd name="connsiteX64" fmla="*/ 1281034 w 2579533"/>
                <a:gd name="connsiteY64" fmla="*/ 2483041 h 3239221"/>
                <a:gd name="connsiteX65" fmla="*/ 1281034 w 2579533"/>
                <a:gd name="connsiteY65" fmla="*/ 1861269 h 3239221"/>
                <a:gd name="connsiteX66" fmla="*/ 1197534 w 2579533"/>
                <a:gd name="connsiteY66" fmla="*/ 1798432 h 3239221"/>
                <a:gd name="connsiteX67" fmla="*/ 1030536 w 2579533"/>
                <a:gd name="connsiteY67" fmla="*/ 1808443 h 3239221"/>
                <a:gd name="connsiteX68" fmla="*/ 1112118 w 2579533"/>
                <a:gd name="connsiteY68" fmla="*/ 1789698 h 3239221"/>
                <a:gd name="connsiteX69" fmla="*/ 1112118 w 2579533"/>
                <a:gd name="connsiteY69" fmla="*/ 1497663 h 3239221"/>
                <a:gd name="connsiteX70" fmla="*/ 949166 w 2579533"/>
                <a:gd name="connsiteY70" fmla="*/ 1497663 h 3239221"/>
                <a:gd name="connsiteX71" fmla="*/ 949166 w 2579533"/>
                <a:gd name="connsiteY71" fmla="*/ 1789911 h 3239221"/>
                <a:gd name="connsiteX72" fmla="*/ 1030962 w 2579533"/>
                <a:gd name="connsiteY72" fmla="*/ 1808443 h 3239221"/>
                <a:gd name="connsiteX73" fmla="*/ 1385195 w 2579533"/>
                <a:gd name="connsiteY73" fmla="*/ 1203073 h 3239221"/>
                <a:gd name="connsiteX74" fmla="*/ 1250787 w 2579533"/>
                <a:gd name="connsiteY74" fmla="*/ 1219900 h 3239221"/>
                <a:gd name="connsiteX75" fmla="*/ 865667 w 2579533"/>
                <a:gd name="connsiteY75" fmla="*/ 1060783 h 3239221"/>
                <a:gd name="connsiteX76" fmla="*/ 658836 w 2579533"/>
                <a:gd name="connsiteY76" fmla="*/ 853525 h 3239221"/>
                <a:gd name="connsiteX77" fmla="*/ 658836 w 2579533"/>
                <a:gd name="connsiteY77" fmla="*/ 1090178 h 3239221"/>
                <a:gd name="connsiteX78" fmla="*/ 893145 w 2579533"/>
                <a:gd name="connsiteY78" fmla="*/ 1434187 h 3239221"/>
                <a:gd name="connsiteX79" fmla="*/ 1031601 w 2579533"/>
                <a:gd name="connsiteY79" fmla="*/ 1393715 h 3239221"/>
                <a:gd name="connsiteX80" fmla="*/ 1169843 w 2579533"/>
                <a:gd name="connsiteY80" fmla="*/ 1434187 h 3239221"/>
                <a:gd name="connsiteX81" fmla="*/ 1385195 w 2579533"/>
                <a:gd name="connsiteY81" fmla="*/ 1203073 h 323922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</a:cxnLst>
              <a:rect l="l" t="t" r="r" b="b"/>
              <a:pathLst>
                <a:path w="2579533" h="3239221">
                  <a:moveTo>
                    <a:pt x="2062136" y="2753988"/>
                  </a:moveTo>
                  <a:cubicBezTo>
                    <a:pt x="2062136" y="3026000"/>
                    <a:pt x="1609280" y="3239222"/>
                    <a:pt x="1031175" y="3239222"/>
                  </a:cubicBezTo>
                  <a:cubicBezTo>
                    <a:pt x="453069" y="3239222"/>
                    <a:pt x="0" y="3026213"/>
                    <a:pt x="0" y="2753988"/>
                  </a:cubicBezTo>
                  <a:cubicBezTo>
                    <a:pt x="0" y="2568884"/>
                    <a:pt x="209600" y="2411257"/>
                    <a:pt x="525279" y="2329036"/>
                  </a:cubicBezTo>
                  <a:lnTo>
                    <a:pt x="525279" y="2418074"/>
                  </a:lnTo>
                  <a:cubicBezTo>
                    <a:pt x="263066" y="2490071"/>
                    <a:pt x="85203" y="2614894"/>
                    <a:pt x="85203" y="2753988"/>
                  </a:cubicBezTo>
                  <a:cubicBezTo>
                    <a:pt x="85203" y="2970831"/>
                    <a:pt x="518463" y="3154018"/>
                    <a:pt x="1031175" y="3154018"/>
                  </a:cubicBezTo>
                  <a:cubicBezTo>
                    <a:pt x="1543886" y="3154018"/>
                    <a:pt x="1976933" y="2970831"/>
                    <a:pt x="1977146" y="2753988"/>
                  </a:cubicBezTo>
                  <a:cubicBezTo>
                    <a:pt x="1977146" y="2615107"/>
                    <a:pt x="1799284" y="2490071"/>
                    <a:pt x="1537070" y="2418074"/>
                  </a:cubicBezTo>
                  <a:lnTo>
                    <a:pt x="1537070" y="2329888"/>
                  </a:lnTo>
                  <a:cubicBezTo>
                    <a:pt x="1852749" y="2411257"/>
                    <a:pt x="2062136" y="2568884"/>
                    <a:pt x="2062136" y="2753988"/>
                  </a:cubicBezTo>
                  <a:close/>
                  <a:moveTo>
                    <a:pt x="2579534" y="2747811"/>
                  </a:moveTo>
                  <a:lnTo>
                    <a:pt x="2531607" y="2818317"/>
                  </a:lnTo>
                  <a:cubicBezTo>
                    <a:pt x="2520531" y="2810861"/>
                    <a:pt x="2262151" y="2633212"/>
                    <a:pt x="2104099" y="2427446"/>
                  </a:cubicBezTo>
                  <a:cubicBezTo>
                    <a:pt x="1933692" y="2206982"/>
                    <a:pt x="1909196" y="1982045"/>
                    <a:pt x="1884487" y="1764563"/>
                  </a:cubicBezTo>
                  <a:cubicBezTo>
                    <a:pt x="1862121" y="1567956"/>
                    <a:pt x="1841885" y="1381148"/>
                    <a:pt x="1712376" y="1214575"/>
                  </a:cubicBezTo>
                  <a:cubicBezTo>
                    <a:pt x="1678580" y="1171112"/>
                    <a:pt x="1642532" y="1129447"/>
                    <a:pt x="1604381" y="1089752"/>
                  </a:cubicBezTo>
                  <a:cubicBezTo>
                    <a:pt x="1567160" y="1121466"/>
                    <a:pt x="1525904" y="1148110"/>
                    <a:pt x="1481688" y="1168991"/>
                  </a:cubicBezTo>
                  <a:cubicBezTo>
                    <a:pt x="1453323" y="1325637"/>
                    <a:pt x="1345894" y="1456438"/>
                    <a:pt x="1197747" y="1514704"/>
                  </a:cubicBezTo>
                  <a:lnTo>
                    <a:pt x="1197747" y="1709394"/>
                  </a:lnTo>
                  <a:cubicBezTo>
                    <a:pt x="1299992" y="1738363"/>
                    <a:pt x="1366450" y="1794597"/>
                    <a:pt x="1366663" y="1861056"/>
                  </a:cubicBezTo>
                  <a:lnTo>
                    <a:pt x="1366663" y="2483041"/>
                  </a:lnTo>
                  <a:cubicBezTo>
                    <a:pt x="1366663" y="2582090"/>
                    <a:pt x="1222456" y="2656856"/>
                    <a:pt x="1031175" y="2656856"/>
                  </a:cubicBezTo>
                  <a:cubicBezTo>
                    <a:pt x="839893" y="2656856"/>
                    <a:pt x="695686" y="2582090"/>
                    <a:pt x="695686" y="2483041"/>
                  </a:cubicBezTo>
                  <a:lnTo>
                    <a:pt x="695686" y="1861269"/>
                  </a:lnTo>
                  <a:cubicBezTo>
                    <a:pt x="695686" y="1794172"/>
                    <a:pt x="762145" y="1738363"/>
                    <a:pt x="864389" y="1709181"/>
                  </a:cubicBezTo>
                  <a:lnTo>
                    <a:pt x="864389" y="1514491"/>
                  </a:lnTo>
                  <a:cubicBezTo>
                    <a:pt x="688999" y="1445897"/>
                    <a:pt x="573590" y="1276800"/>
                    <a:pt x="573632" y="1088474"/>
                  </a:cubicBezTo>
                  <a:lnTo>
                    <a:pt x="573632" y="768109"/>
                  </a:lnTo>
                  <a:cubicBezTo>
                    <a:pt x="617016" y="777656"/>
                    <a:pt x="661277" y="782653"/>
                    <a:pt x="705697" y="783020"/>
                  </a:cubicBezTo>
                  <a:lnTo>
                    <a:pt x="708467" y="783020"/>
                  </a:lnTo>
                  <a:cubicBezTo>
                    <a:pt x="822639" y="783020"/>
                    <a:pt x="951935" y="728702"/>
                    <a:pt x="1068025" y="636896"/>
                  </a:cubicBezTo>
                  <a:cubicBezTo>
                    <a:pt x="1094860" y="616034"/>
                    <a:pt x="1120397" y="593555"/>
                    <a:pt x="1144495" y="569585"/>
                  </a:cubicBezTo>
                  <a:cubicBezTo>
                    <a:pt x="1167195" y="547014"/>
                    <a:pt x="1188533" y="523115"/>
                    <a:pt x="1208398" y="498014"/>
                  </a:cubicBezTo>
                  <a:cubicBezTo>
                    <a:pt x="1306808" y="375747"/>
                    <a:pt x="1357504" y="242404"/>
                    <a:pt x="1357504" y="129509"/>
                  </a:cubicBezTo>
                  <a:cubicBezTo>
                    <a:pt x="1358958" y="85892"/>
                    <a:pt x="1354224" y="42289"/>
                    <a:pt x="1343445" y="0"/>
                  </a:cubicBezTo>
                  <a:lnTo>
                    <a:pt x="1651456" y="306306"/>
                  </a:lnTo>
                  <a:lnTo>
                    <a:pt x="1651456" y="306306"/>
                  </a:lnTo>
                  <a:cubicBezTo>
                    <a:pt x="1838595" y="509610"/>
                    <a:pt x="1844086" y="820756"/>
                    <a:pt x="1664236" y="1030536"/>
                  </a:cubicBezTo>
                  <a:cubicBezTo>
                    <a:pt x="1705227" y="1072736"/>
                    <a:pt x="1743841" y="1117182"/>
                    <a:pt x="1779900" y="1163666"/>
                  </a:cubicBezTo>
                  <a:cubicBezTo>
                    <a:pt x="1923042" y="1350048"/>
                    <a:pt x="1946472" y="1556454"/>
                    <a:pt x="1969052" y="1756043"/>
                  </a:cubicBezTo>
                  <a:cubicBezTo>
                    <a:pt x="1992482" y="1962022"/>
                    <a:pt x="2016552" y="2175031"/>
                    <a:pt x="2171623" y="2376750"/>
                  </a:cubicBezTo>
                  <a:cubicBezTo>
                    <a:pt x="2321155" y="2570375"/>
                    <a:pt x="2576978" y="2746107"/>
                    <a:pt x="2579534" y="2747811"/>
                  </a:cubicBezTo>
                  <a:close/>
                  <a:moveTo>
                    <a:pt x="768961" y="843940"/>
                  </a:moveTo>
                  <a:lnTo>
                    <a:pt x="925309" y="1000288"/>
                  </a:lnTo>
                  <a:cubicBezTo>
                    <a:pt x="1050347" y="1124884"/>
                    <a:pt x="1235622" y="1167003"/>
                    <a:pt x="1402236" y="1108710"/>
                  </a:cubicBezTo>
                  <a:cubicBezTo>
                    <a:pt x="1402236" y="1102959"/>
                    <a:pt x="1402236" y="1097207"/>
                    <a:pt x="1402236" y="1091456"/>
                  </a:cubicBezTo>
                  <a:lnTo>
                    <a:pt x="1402236" y="760654"/>
                  </a:lnTo>
                  <a:lnTo>
                    <a:pt x="1487439" y="760654"/>
                  </a:lnTo>
                  <a:lnTo>
                    <a:pt x="1487439" y="1068025"/>
                  </a:lnTo>
                  <a:cubicBezTo>
                    <a:pt x="1704190" y="938129"/>
                    <a:pt x="1774600" y="657115"/>
                    <a:pt x="1644703" y="440364"/>
                  </a:cubicBezTo>
                  <a:cubicBezTo>
                    <a:pt x="1625086" y="407630"/>
                    <a:pt x="1601450" y="377478"/>
                    <a:pt x="1574346" y="350612"/>
                  </a:cubicBezTo>
                  <a:lnTo>
                    <a:pt x="1559010" y="335063"/>
                  </a:lnTo>
                  <a:lnTo>
                    <a:pt x="1559010" y="335063"/>
                  </a:lnTo>
                  <a:lnTo>
                    <a:pt x="1417572" y="193625"/>
                  </a:lnTo>
                  <a:cubicBezTo>
                    <a:pt x="1417572" y="328885"/>
                    <a:pt x="1342167" y="491837"/>
                    <a:pt x="1204564" y="629866"/>
                  </a:cubicBezTo>
                  <a:cubicBezTo>
                    <a:pt x="1113207" y="724782"/>
                    <a:pt x="998331" y="793796"/>
                    <a:pt x="871631" y="829882"/>
                  </a:cubicBezTo>
                  <a:cubicBezTo>
                    <a:pt x="838217" y="838550"/>
                    <a:pt x="803901" y="843269"/>
                    <a:pt x="769387" y="843940"/>
                  </a:cubicBezTo>
                  <a:close/>
                  <a:moveTo>
                    <a:pt x="1197108" y="1798432"/>
                  </a:moveTo>
                  <a:cubicBezTo>
                    <a:pt x="1194978" y="1854666"/>
                    <a:pt x="1127242" y="1893859"/>
                    <a:pt x="1030749" y="1893859"/>
                  </a:cubicBezTo>
                  <a:cubicBezTo>
                    <a:pt x="934256" y="1893859"/>
                    <a:pt x="866519" y="1854666"/>
                    <a:pt x="864176" y="1798432"/>
                  </a:cubicBezTo>
                  <a:cubicBezTo>
                    <a:pt x="811350" y="1816750"/>
                    <a:pt x="780464" y="1841033"/>
                    <a:pt x="780464" y="1861269"/>
                  </a:cubicBezTo>
                  <a:lnTo>
                    <a:pt x="780464" y="2483041"/>
                  </a:lnTo>
                  <a:cubicBezTo>
                    <a:pt x="780464" y="2518401"/>
                    <a:pt x="880151" y="2571653"/>
                    <a:pt x="1030749" y="2571653"/>
                  </a:cubicBezTo>
                  <a:cubicBezTo>
                    <a:pt x="1181346" y="2571653"/>
                    <a:pt x="1281034" y="2518188"/>
                    <a:pt x="1281034" y="2483041"/>
                  </a:cubicBezTo>
                  <a:lnTo>
                    <a:pt x="1281034" y="1861269"/>
                  </a:lnTo>
                  <a:cubicBezTo>
                    <a:pt x="1281460" y="1841672"/>
                    <a:pt x="1250999" y="1816750"/>
                    <a:pt x="1197534" y="1798432"/>
                  </a:cubicBezTo>
                  <a:close/>
                  <a:moveTo>
                    <a:pt x="1030536" y="1808443"/>
                  </a:moveTo>
                  <a:cubicBezTo>
                    <a:pt x="1058962" y="1810113"/>
                    <a:pt x="1087272" y="1803608"/>
                    <a:pt x="1112118" y="1789698"/>
                  </a:cubicBezTo>
                  <a:lnTo>
                    <a:pt x="1112118" y="1497663"/>
                  </a:lnTo>
                  <a:cubicBezTo>
                    <a:pt x="1060678" y="1472661"/>
                    <a:pt x="1000606" y="1472661"/>
                    <a:pt x="949166" y="1497663"/>
                  </a:cubicBezTo>
                  <a:lnTo>
                    <a:pt x="949166" y="1789911"/>
                  </a:lnTo>
                  <a:cubicBezTo>
                    <a:pt x="974097" y="1803787"/>
                    <a:pt x="1002485" y="1810219"/>
                    <a:pt x="1030962" y="1808443"/>
                  </a:cubicBezTo>
                  <a:close/>
                  <a:moveTo>
                    <a:pt x="1385195" y="1203073"/>
                  </a:moveTo>
                  <a:cubicBezTo>
                    <a:pt x="1341253" y="1214179"/>
                    <a:pt x="1296110" y="1219831"/>
                    <a:pt x="1250787" y="1219900"/>
                  </a:cubicBezTo>
                  <a:cubicBezTo>
                    <a:pt x="1106360" y="1220193"/>
                    <a:pt x="967768" y="1162932"/>
                    <a:pt x="865667" y="1060783"/>
                  </a:cubicBezTo>
                  <a:lnTo>
                    <a:pt x="658836" y="853525"/>
                  </a:lnTo>
                  <a:lnTo>
                    <a:pt x="658836" y="1090178"/>
                  </a:lnTo>
                  <a:cubicBezTo>
                    <a:pt x="659570" y="1241872"/>
                    <a:pt x="752257" y="1377954"/>
                    <a:pt x="893145" y="1434187"/>
                  </a:cubicBezTo>
                  <a:cubicBezTo>
                    <a:pt x="933185" y="1405004"/>
                    <a:pt x="982146" y="1390693"/>
                    <a:pt x="1031601" y="1393715"/>
                  </a:cubicBezTo>
                  <a:cubicBezTo>
                    <a:pt x="1080983" y="1390743"/>
                    <a:pt x="1129860" y="1405052"/>
                    <a:pt x="1169843" y="1434187"/>
                  </a:cubicBezTo>
                  <a:cubicBezTo>
                    <a:pt x="1272386" y="1392952"/>
                    <a:pt x="1351294" y="1308268"/>
                    <a:pt x="1385195" y="1203073"/>
                  </a:cubicBezTo>
                  <a:close/>
                </a:path>
              </a:pathLst>
            </a:custGeom>
            <a:solidFill>
              <a:schemeClr val="tx1"/>
            </a:solidFill>
            <a:ln w="21273" cap="flat">
              <a:noFill/>
              <a:prstDash val="solid"/>
              <a:miter/>
            </a:ln>
          </p:spPr>
          <p:txBody>
            <a:bodyPr rot="0" spcFirstLastPara="0" vertOverflow="overflow" horzOverflow="overflow" vert="horz" wrap="square" lIns="91416" tIns="45708" rIns="91416" bIns="45708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defTabSz="1088449"/>
              <a:endParaRPr lang="en-US" sz="2099">
                <a:solidFill>
                  <a:srgbClr val="000000"/>
                </a:solidFill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4538046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resentation Title">
            <a:extLst>
              <a:ext uri="{FF2B5EF4-FFF2-40B4-BE49-F238E27FC236}">
                <a16:creationId xmlns:a16="http://schemas.microsoft.com/office/drawing/2014/main" id="{ECEE67D1-AA42-2DFA-DCF3-A82F83C7E4FA}"/>
              </a:ext>
            </a:extLst>
          </p:cNvPr>
          <p:cNvSpPr txBox="1">
            <a:spLocks/>
          </p:cNvSpPr>
          <p:nvPr/>
        </p:nvSpPr>
        <p:spPr>
          <a:xfrm>
            <a:off x="169247" y="4024430"/>
            <a:ext cx="11628000" cy="997196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DE" sz="3600"/>
              <a:t>Planungsphas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84FEE30-073E-91CE-2343-2483AD2C72E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463138" y="0"/>
            <a:ext cx="13062857" cy="34085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2592591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A71913-ACE0-F5E1-2825-FBB479F3F2E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/>
              <a:t>SE II – Gruppe 2 – WI 2020 SE B</a:t>
            </a:r>
          </a:p>
          <a:p>
            <a:r>
              <a:rPr lang="en-US" err="1"/>
              <a:t>support@telegramshopbot.com</a:t>
            </a:r>
            <a:endParaRPr lang="en-US"/>
          </a:p>
        </p:txBody>
      </p:sp>
      <p:sp>
        <p:nvSpPr>
          <p:cNvPr id="15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76EF6016-41CF-716C-8FDC-37B4A48F41BB}"/>
              </a:ext>
            </a:extLst>
          </p:cNvPr>
          <p:cNvSpPr txBox="1">
            <a:spLocks/>
          </p:cNvSpPr>
          <p:nvPr/>
        </p:nvSpPr>
        <p:spPr>
          <a:xfrm>
            <a:off x="505457" y="6536751"/>
            <a:ext cx="10152956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>
                <a:latin typeface="Arial" panose="020B0604020202020204" pitchFamily="34" charset="0"/>
                <a:cs typeface="Arial" panose="020B0604020202020204" pitchFamily="34" charset="0"/>
              </a:rPr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4B6DB23-10D5-71AE-6014-DBDCEC1F383B}"/>
              </a:ext>
            </a:extLst>
          </p:cNvPr>
          <p:cNvSpPr/>
          <p:nvPr/>
        </p:nvSpPr>
        <p:spPr bwMode="gray">
          <a:xfrm>
            <a:off x="9421161" y="6425852"/>
            <a:ext cx="2772427" cy="432148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9D4CE46E-CFCF-ACF4-226A-331AACB266F8}"/>
              </a:ext>
            </a:extLst>
          </p:cNvPr>
          <p:cNvSpPr/>
          <p:nvPr/>
        </p:nvSpPr>
        <p:spPr bwMode="gray">
          <a:xfrm>
            <a:off x="372533" y="6425852"/>
            <a:ext cx="7772400" cy="249397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9EF31B3-620A-9675-4E9D-00AD211419CA}"/>
              </a:ext>
            </a:extLst>
          </p:cNvPr>
          <p:cNvSpPr/>
          <p:nvPr/>
        </p:nvSpPr>
        <p:spPr bwMode="gray">
          <a:xfrm>
            <a:off x="9076267" y="5617171"/>
            <a:ext cx="2897188" cy="808681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1482448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resentation Title">
            <a:extLst>
              <a:ext uri="{FF2B5EF4-FFF2-40B4-BE49-F238E27FC236}">
                <a16:creationId xmlns:a16="http://schemas.microsoft.com/office/drawing/2014/main" id="{ECEE67D1-AA42-2DFA-DCF3-A82F83C7E4FA}"/>
              </a:ext>
            </a:extLst>
          </p:cNvPr>
          <p:cNvSpPr txBox="1">
            <a:spLocks/>
          </p:cNvSpPr>
          <p:nvPr/>
        </p:nvSpPr>
        <p:spPr>
          <a:xfrm>
            <a:off x="169247" y="4024430"/>
            <a:ext cx="11628000" cy="997196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DE" sz="3600"/>
              <a:t>Appendix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B24C60F-8D6C-C97E-4446-F52BB256BF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261256" y="141107"/>
            <a:ext cx="12456432" cy="28231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974250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BB9C7B6-076D-E837-E005-0488C60A16D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92500" lnSpcReduction="20000"/>
          </a:bodyPr>
          <a:lstStyle/>
          <a:p>
            <a:pPr marL="457200" indent="-457200">
              <a:buAutoNum type="arabicParenR"/>
            </a:pPr>
            <a:r>
              <a:rPr lang="en-DE"/>
              <a:t>Zielbestimmungen</a:t>
            </a:r>
          </a:p>
          <a:p>
            <a:pPr marL="457200" indent="-457200">
              <a:buAutoNum type="arabicParenR"/>
            </a:pPr>
            <a:r>
              <a:rPr lang="en-DE"/>
              <a:t>Einsatz</a:t>
            </a:r>
          </a:p>
          <a:p>
            <a:pPr marL="457200" indent="-457200">
              <a:buAutoNum type="arabicParenR"/>
            </a:pPr>
            <a:r>
              <a:rPr lang="en-DE"/>
              <a:t>Umgebung</a:t>
            </a:r>
          </a:p>
          <a:p>
            <a:pPr marL="457200" indent="-457200">
              <a:buAutoNum type="arabicParenR"/>
            </a:pPr>
            <a:r>
              <a:rPr lang="en-DE"/>
              <a:t>Daten</a:t>
            </a:r>
          </a:p>
          <a:p>
            <a:pPr marL="457200" indent="-457200">
              <a:buAutoNum type="arabicParenR"/>
            </a:pPr>
            <a:r>
              <a:rPr lang="en-DE"/>
              <a:t>Benutzeroberfläche</a:t>
            </a:r>
          </a:p>
          <a:p>
            <a:pPr marL="457200" indent="-457200">
              <a:buAutoNum type="arabicParenR"/>
            </a:pPr>
            <a:r>
              <a:rPr lang="en-DE"/>
              <a:t>Q</a:t>
            </a:r>
            <a:r>
              <a:rPr lang="en-GB"/>
              <a:t>u</a:t>
            </a:r>
            <a:r>
              <a:rPr lang="en-DE"/>
              <a:t>alität</a:t>
            </a:r>
          </a:p>
          <a:p>
            <a:pPr marL="457200" indent="-457200">
              <a:buAutoNum type="arabicParenR"/>
            </a:pPr>
            <a:r>
              <a:rPr lang="en-DE"/>
              <a:t>Funktionen</a:t>
            </a:r>
          </a:p>
          <a:p>
            <a:pPr marL="457200" indent="-457200">
              <a:buAutoNum type="arabicParenR"/>
            </a:pPr>
            <a:r>
              <a:rPr lang="en-DE"/>
              <a:t>Ergänzungen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2DD7403-21CE-05AA-2CE6-737DDFC98F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</p:spTree>
    <p:extLst>
      <p:ext uri="{BB962C8B-B14F-4D97-AF65-F5344CB8AC3E}">
        <p14:creationId xmlns:p14="http://schemas.microsoft.com/office/powerpoint/2010/main" val="249489783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Zielbestimmungen getrennt für den Endkunden, Shopbesitzer und die Admins des Shop-Bot-Ersteller-Bo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Zielbestimmungen trennen in 1.1) Muss-Kriterien und 1.2) Kann-Kriterien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1) Zielbestimmungen</a:t>
            </a:r>
          </a:p>
        </p:txBody>
      </p:sp>
    </p:spTree>
    <p:extLst>
      <p:ext uri="{BB962C8B-B14F-4D97-AF65-F5344CB8AC3E}">
        <p14:creationId xmlns:p14="http://schemas.microsoft.com/office/powerpoint/2010/main" val="54789309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C92D38E-2414-9A34-AD44-8049EA2ED68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>
            <a:normAutofit/>
          </a:bodyPr>
          <a:lstStyle/>
          <a:p>
            <a:r>
              <a:rPr lang="en-GB" sz="1300"/>
              <a:t>Der Admin muss</a:t>
            </a:r>
          </a:p>
          <a:p>
            <a:r>
              <a:rPr lang="en-GB" sz="1300"/>
              <a:t>- </a:t>
            </a:r>
            <a:r>
              <a:rPr lang="en-GB" sz="1300" err="1"/>
              <a:t>eine</a:t>
            </a:r>
            <a:r>
              <a:rPr lang="en-GB" sz="1300"/>
              <a:t> </a:t>
            </a:r>
            <a:r>
              <a:rPr lang="en-GB" sz="1300" err="1"/>
              <a:t>Übersicht</a:t>
            </a:r>
            <a:r>
              <a:rPr lang="en-GB" sz="1300"/>
              <a:t> der </a:t>
            </a:r>
            <a:r>
              <a:rPr lang="en-GB" sz="1300" err="1"/>
              <a:t>angelegten</a:t>
            </a:r>
            <a:r>
              <a:rPr lang="en-GB" sz="1300"/>
              <a:t> Bots </a:t>
            </a:r>
            <a:r>
              <a:rPr lang="en-GB" sz="1300" err="1"/>
              <a:t>sehe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GB" sz="1300"/>
          </a:p>
          <a:p>
            <a:r>
              <a:rPr lang="en-GB" sz="1300"/>
              <a:t>- schnell </a:t>
            </a:r>
            <a:r>
              <a:rPr lang="en-GB" sz="1300" err="1"/>
              <a:t>Supportanfragen</a:t>
            </a:r>
            <a:r>
              <a:rPr lang="en-GB" sz="1300"/>
              <a:t> </a:t>
            </a:r>
            <a:r>
              <a:rPr lang="en-GB" sz="1300" err="1"/>
              <a:t>bearbeite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GB" sz="1300"/>
          </a:p>
          <a:p>
            <a:r>
              <a:rPr lang="en-GB" sz="1300"/>
              <a:t>- die Bots </a:t>
            </a:r>
            <a:r>
              <a:rPr lang="en-GB" sz="1300" err="1"/>
              <a:t>über</a:t>
            </a:r>
            <a:r>
              <a:rPr lang="en-GB" sz="1300"/>
              <a:t> </a:t>
            </a:r>
            <a:r>
              <a:rPr lang="en-GB" sz="1300" err="1"/>
              <a:t>eine</a:t>
            </a:r>
            <a:r>
              <a:rPr lang="en-GB" sz="1300"/>
              <a:t> SAAS-</a:t>
            </a:r>
            <a:r>
              <a:rPr lang="en-GB" sz="1300" err="1"/>
              <a:t>Plattform</a:t>
            </a:r>
            <a:r>
              <a:rPr lang="en-GB" sz="1300"/>
              <a:t> </a:t>
            </a:r>
            <a:r>
              <a:rPr lang="en-GB" sz="1300" err="1"/>
              <a:t>sehen</a:t>
            </a:r>
            <a:r>
              <a:rPr lang="en-GB" sz="1300"/>
              <a:t> und auf die Shop-</a:t>
            </a:r>
            <a:r>
              <a:rPr lang="en-GB" sz="1300" err="1"/>
              <a:t>Besitzer</a:t>
            </a:r>
            <a:r>
              <a:rPr lang="en-GB" sz="1300"/>
              <a:t>-Sicht </a:t>
            </a:r>
            <a:r>
              <a:rPr lang="en-GB" sz="1300" err="1"/>
              <a:t>schalte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DE" sz="130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4A62FB9-79BB-6768-FDAA-354816DEEC30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/>
          </a:bodyPr>
          <a:lstStyle/>
          <a:p>
            <a:r>
              <a:rPr lang="en-GB" sz="1300"/>
              <a:t>Der Shop-</a:t>
            </a:r>
            <a:r>
              <a:rPr lang="en-GB" sz="1300" err="1"/>
              <a:t>Besitzer</a:t>
            </a:r>
            <a:r>
              <a:rPr lang="en-GB" sz="1300"/>
              <a:t> muss</a:t>
            </a:r>
          </a:p>
          <a:p>
            <a:r>
              <a:rPr lang="en-GB" sz="1300"/>
              <a:t>- </a:t>
            </a:r>
            <a:r>
              <a:rPr lang="en-GB" sz="1300" err="1"/>
              <a:t>sich</a:t>
            </a:r>
            <a:r>
              <a:rPr lang="en-GB" sz="1300"/>
              <a:t> </a:t>
            </a:r>
            <a:r>
              <a:rPr lang="en-GB" sz="1300" err="1"/>
              <a:t>über</a:t>
            </a:r>
            <a:r>
              <a:rPr lang="en-GB" sz="1300"/>
              <a:t> den </a:t>
            </a:r>
            <a:r>
              <a:rPr lang="en-GB" sz="1300" err="1"/>
              <a:t>zentralen</a:t>
            </a:r>
            <a:r>
              <a:rPr lang="en-GB" sz="1300"/>
              <a:t> Bot </a:t>
            </a:r>
            <a:r>
              <a:rPr lang="en-GB" sz="1300" err="1"/>
              <a:t>einen</a:t>
            </a:r>
            <a:r>
              <a:rPr lang="en-GB" sz="1300"/>
              <a:t> </a:t>
            </a:r>
            <a:r>
              <a:rPr lang="en-GB" sz="1300" err="1"/>
              <a:t>eigenen</a:t>
            </a:r>
            <a:r>
              <a:rPr lang="en-GB" sz="1300"/>
              <a:t> Shop-Bot </a:t>
            </a:r>
            <a:r>
              <a:rPr lang="en-GB" sz="1300" err="1"/>
              <a:t>anlege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GB" sz="1300"/>
          </a:p>
          <a:p>
            <a:r>
              <a:rPr lang="en-GB" sz="1300"/>
              <a:t>- das </a:t>
            </a:r>
            <a:r>
              <a:rPr lang="en-GB" sz="1300" err="1"/>
              <a:t>Sortiment</a:t>
            </a:r>
            <a:r>
              <a:rPr lang="en-GB" sz="1300"/>
              <a:t> </a:t>
            </a:r>
            <a:r>
              <a:rPr lang="en-GB" sz="1300" err="1"/>
              <a:t>anlege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GB" sz="1300"/>
          </a:p>
          <a:p>
            <a:r>
              <a:rPr lang="en-GB" sz="1300"/>
              <a:t>- die </a:t>
            </a:r>
            <a:r>
              <a:rPr lang="en-GB" sz="1300" err="1"/>
              <a:t>Bestellungen</a:t>
            </a:r>
            <a:r>
              <a:rPr lang="en-GB" sz="1300"/>
              <a:t> </a:t>
            </a:r>
            <a:r>
              <a:rPr lang="en-GB" sz="1300" err="1"/>
              <a:t>ansehe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GB" sz="1300"/>
          </a:p>
          <a:p>
            <a:r>
              <a:rPr lang="en-GB" sz="1300"/>
              <a:t>- die </a:t>
            </a:r>
            <a:r>
              <a:rPr lang="en-GB" sz="1300" err="1"/>
              <a:t>Funktionalitäten</a:t>
            </a:r>
            <a:r>
              <a:rPr lang="en-GB" sz="1300"/>
              <a:t> des Shops </a:t>
            </a:r>
            <a:r>
              <a:rPr lang="en-GB" sz="1300" err="1"/>
              <a:t>veränder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GB" sz="1300"/>
          </a:p>
          <a:p>
            <a:r>
              <a:rPr lang="en-GB" sz="1300"/>
              <a:t>- </a:t>
            </a:r>
            <a:r>
              <a:rPr lang="en-GB" sz="1300" err="1"/>
              <a:t>Nachrichten</a:t>
            </a:r>
            <a:r>
              <a:rPr lang="en-GB" sz="1300"/>
              <a:t> des Shops </a:t>
            </a:r>
            <a:r>
              <a:rPr lang="en-GB" sz="1300" err="1"/>
              <a:t>anpasse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GB" sz="1300"/>
          </a:p>
          <a:p>
            <a:r>
              <a:rPr lang="en-GB" sz="1300"/>
              <a:t>- </a:t>
            </a:r>
            <a:r>
              <a:rPr lang="en-GB" sz="1300" err="1"/>
              <a:t>Supportanfragen</a:t>
            </a:r>
            <a:r>
              <a:rPr lang="en-GB" sz="1300"/>
              <a:t> </a:t>
            </a:r>
            <a:r>
              <a:rPr lang="en-GB" sz="1300" err="1"/>
              <a:t>annehme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GB" sz="1300"/>
          </a:p>
          <a:p>
            <a:r>
              <a:rPr lang="en-GB" sz="1300"/>
              <a:t>- </a:t>
            </a:r>
            <a:r>
              <a:rPr lang="en-GB" sz="1300" err="1"/>
              <a:t>Supportanfragen</a:t>
            </a:r>
            <a:r>
              <a:rPr lang="en-GB" sz="1300"/>
              <a:t> </a:t>
            </a:r>
            <a:r>
              <a:rPr lang="en-GB" sz="1300" err="1"/>
              <a:t>bearbeiten</a:t>
            </a:r>
            <a:r>
              <a:rPr lang="en-GB" sz="1300"/>
              <a:t> </a:t>
            </a:r>
            <a:r>
              <a:rPr lang="en-GB" sz="1300" err="1"/>
              <a:t>können</a:t>
            </a:r>
            <a:endParaRPr lang="en-DE" sz="1300"/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62500" lnSpcReduction="20000"/>
          </a:bodyPr>
          <a:lstStyle/>
          <a:p>
            <a:r>
              <a:rPr lang="en-GB"/>
              <a:t>Der Kunde muss</a:t>
            </a:r>
          </a:p>
          <a:p>
            <a:r>
              <a:rPr lang="en-GB"/>
              <a:t>- das </a:t>
            </a:r>
            <a:r>
              <a:rPr lang="en-GB" err="1"/>
              <a:t>Sortiment</a:t>
            </a:r>
            <a:r>
              <a:rPr lang="en-GB"/>
              <a:t> </a:t>
            </a:r>
            <a:r>
              <a:rPr lang="en-GB" err="1"/>
              <a:t>anseh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die Details von </a:t>
            </a:r>
            <a:r>
              <a:rPr lang="en-GB" err="1"/>
              <a:t>einzelnen</a:t>
            </a:r>
            <a:r>
              <a:rPr lang="en-GB"/>
              <a:t> </a:t>
            </a:r>
            <a:r>
              <a:rPr lang="en-GB" err="1"/>
              <a:t>Produkten</a:t>
            </a:r>
            <a:r>
              <a:rPr lang="en-GB"/>
              <a:t> </a:t>
            </a:r>
            <a:r>
              <a:rPr lang="en-GB" err="1"/>
              <a:t>seh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die </a:t>
            </a:r>
            <a:r>
              <a:rPr lang="en-GB" err="1"/>
              <a:t>Produkte</a:t>
            </a:r>
            <a:r>
              <a:rPr lang="en-GB"/>
              <a:t> in </a:t>
            </a:r>
            <a:r>
              <a:rPr lang="en-GB" err="1"/>
              <a:t>einen</a:t>
            </a:r>
            <a:r>
              <a:rPr lang="en-GB"/>
              <a:t> </a:t>
            </a:r>
            <a:r>
              <a:rPr lang="en-GB" err="1"/>
              <a:t>Warenkorb</a:t>
            </a:r>
            <a:r>
              <a:rPr lang="en-GB"/>
              <a:t> </a:t>
            </a:r>
            <a:r>
              <a:rPr lang="en-GB" err="1"/>
              <a:t>leg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den </a:t>
            </a:r>
            <a:r>
              <a:rPr lang="en-GB" err="1"/>
              <a:t>Warenkorb</a:t>
            </a:r>
            <a:r>
              <a:rPr lang="en-GB"/>
              <a:t> </a:t>
            </a:r>
            <a:r>
              <a:rPr lang="en-GB" err="1"/>
              <a:t>bearbeit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die </a:t>
            </a:r>
            <a:r>
              <a:rPr lang="en-GB" err="1"/>
              <a:t>Bestellung</a:t>
            </a:r>
            <a:r>
              <a:rPr lang="en-GB"/>
              <a:t> </a:t>
            </a:r>
            <a:r>
              <a:rPr lang="en-GB" err="1"/>
              <a:t>abschick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</a:t>
            </a:r>
            <a:r>
              <a:rPr lang="en-GB" err="1"/>
              <a:t>Liefer</a:t>
            </a:r>
            <a:r>
              <a:rPr lang="en-GB"/>
              <a:t>- &amp; </a:t>
            </a:r>
            <a:r>
              <a:rPr lang="en-GB" err="1"/>
              <a:t>Rechnungsadressen</a:t>
            </a:r>
            <a:r>
              <a:rPr lang="en-GB"/>
              <a:t> </a:t>
            </a:r>
            <a:r>
              <a:rPr lang="en-GB" err="1"/>
              <a:t>eingeb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</a:t>
            </a:r>
            <a:r>
              <a:rPr lang="en-GB" err="1"/>
              <a:t>Bezahlinformationen</a:t>
            </a:r>
            <a:r>
              <a:rPr lang="en-GB"/>
              <a:t> </a:t>
            </a:r>
            <a:r>
              <a:rPr lang="en-GB" err="1"/>
              <a:t>eingeb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</a:t>
            </a:r>
            <a:r>
              <a:rPr lang="en-GB" err="1"/>
              <a:t>Lieferstatus</a:t>
            </a:r>
            <a:r>
              <a:rPr lang="en-GB"/>
              <a:t> </a:t>
            </a:r>
            <a:r>
              <a:rPr lang="en-GB" err="1"/>
              <a:t>überwach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die </a:t>
            </a:r>
            <a:r>
              <a:rPr lang="en-GB" err="1"/>
              <a:t>Bestellung</a:t>
            </a:r>
            <a:r>
              <a:rPr lang="en-GB"/>
              <a:t> </a:t>
            </a:r>
            <a:r>
              <a:rPr lang="en-GB" err="1"/>
              <a:t>widerufen</a:t>
            </a:r>
            <a:r>
              <a:rPr lang="en-GB"/>
              <a:t>/</a:t>
            </a:r>
            <a:r>
              <a:rPr lang="en-GB" err="1"/>
              <a:t>stornier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die </a:t>
            </a:r>
            <a:r>
              <a:rPr lang="en-GB" err="1"/>
              <a:t>Möglichkeit</a:t>
            </a:r>
            <a:r>
              <a:rPr lang="en-GB"/>
              <a:t> </a:t>
            </a:r>
            <a:r>
              <a:rPr lang="en-GB" err="1"/>
              <a:t>haben</a:t>
            </a:r>
            <a:r>
              <a:rPr lang="en-GB"/>
              <a:t>, den Support </a:t>
            </a:r>
            <a:r>
              <a:rPr lang="en-GB" err="1"/>
              <a:t>kontaktieren</a:t>
            </a:r>
            <a:r>
              <a:rPr lang="en-GB"/>
              <a:t>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1.1) Muss-Kriterien (X muss Y können)</a:t>
            </a:r>
          </a:p>
        </p:txBody>
      </p:sp>
    </p:spTree>
    <p:extLst>
      <p:ext uri="{BB962C8B-B14F-4D97-AF65-F5344CB8AC3E}">
        <p14:creationId xmlns:p14="http://schemas.microsoft.com/office/powerpoint/2010/main" val="74590973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4A62FB9-79BB-6768-FDAA-354816DEEC3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/>
          </a:bodyPr>
          <a:lstStyle/>
          <a:p>
            <a:r>
              <a:rPr lang="en-GB"/>
              <a:t>Der Admin </a:t>
            </a:r>
            <a:r>
              <a:rPr lang="en-GB" err="1"/>
              <a:t>soll</a:t>
            </a:r>
            <a:endParaRPr lang="en-GB"/>
          </a:p>
          <a:p>
            <a:r>
              <a:rPr lang="en-GB"/>
              <a:t>- </a:t>
            </a:r>
            <a:r>
              <a:rPr lang="en-GB" err="1"/>
              <a:t>Übersetzungen</a:t>
            </a:r>
            <a:r>
              <a:rPr lang="en-GB"/>
              <a:t> </a:t>
            </a:r>
            <a:r>
              <a:rPr lang="en-GB" err="1"/>
              <a:t>hinzufüg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Workflows </a:t>
            </a:r>
            <a:r>
              <a:rPr lang="en-GB" err="1"/>
              <a:t>ändern</a:t>
            </a:r>
            <a:r>
              <a:rPr lang="en-GB"/>
              <a:t> </a:t>
            </a:r>
            <a:r>
              <a:rPr lang="en-GB" err="1"/>
              <a:t>können</a:t>
            </a:r>
            <a:endParaRPr lang="en-DE"/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GB"/>
              <a:t>Der Kunde </a:t>
            </a:r>
            <a:r>
              <a:rPr lang="en-GB" err="1"/>
              <a:t>soll</a:t>
            </a:r>
            <a:endParaRPr lang="en-GB"/>
          </a:p>
          <a:p>
            <a:r>
              <a:rPr lang="en-GB"/>
              <a:t>- die </a:t>
            </a:r>
            <a:r>
              <a:rPr lang="en-GB" err="1"/>
              <a:t>Anwendung</a:t>
            </a:r>
            <a:r>
              <a:rPr lang="en-GB"/>
              <a:t> </a:t>
            </a:r>
            <a:r>
              <a:rPr lang="en-GB" err="1"/>
              <a:t>barrierefrei</a:t>
            </a:r>
            <a:r>
              <a:rPr lang="en-GB"/>
              <a:t> </a:t>
            </a:r>
            <a:r>
              <a:rPr lang="en-GB" err="1"/>
              <a:t>nutz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</a:t>
            </a:r>
            <a:r>
              <a:rPr lang="en-GB" err="1"/>
              <a:t>Liefer</a:t>
            </a:r>
            <a:r>
              <a:rPr lang="en-GB"/>
              <a:t>- &amp; </a:t>
            </a:r>
            <a:r>
              <a:rPr lang="en-GB" err="1"/>
              <a:t>Rechnungsadressen</a:t>
            </a:r>
            <a:r>
              <a:rPr lang="en-GB"/>
              <a:t> </a:t>
            </a:r>
            <a:r>
              <a:rPr lang="en-GB" err="1"/>
              <a:t>im</a:t>
            </a:r>
            <a:r>
              <a:rPr lang="en-GB"/>
              <a:t> </a:t>
            </a:r>
            <a:r>
              <a:rPr lang="en-GB" err="1"/>
              <a:t>Konto</a:t>
            </a:r>
            <a:r>
              <a:rPr lang="en-GB"/>
              <a:t> </a:t>
            </a:r>
            <a:r>
              <a:rPr lang="en-GB" err="1"/>
              <a:t>speicher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</a:t>
            </a:r>
            <a:r>
              <a:rPr lang="en-GB" err="1"/>
              <a:t>Bezahlinformationen</a:t>
            </a:r>
            <a:r>
              <a:rPr lang="en-GB"/>
              <a:t> </a:t>
            </a:r>
            <a:r>
              <a:rPr lang="en-GB" err="1"/>
              <a:t>im</a:t>
            </a:r>
            <a:r>
              <a:rPr lang="en-GB"/>
              <a:t> </a:t>
            </a:r>
            <a:r>
              <a:rPr lang="en-GB" err="1"/>
              <a:t>Konto</a:t>
            </a:r>
            <a:r>
              <a:rPr lang="en-GB"/>
              <a:t> </a:t>
            </a:r>
            <a:r>
              <a:rPr lang="en-GB" err="1"/>
              <a:t>speicher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r>
              <a:rPr lang="en-GB"/>
              <a:t>- die </a:t>
            </a:r>
            <a:r>
              <a:rPr lang="en-GB" err="1"/>
              <a:t>Sprache</a:t>
            </a:r>
            <a:r>
              <a:rPr lang="en-GB"/>
              <a:t> der </a:t>
            </a:r>
            <a:r>
              <a:rPr lang="en-GB" err="1"/>
              <a:t>Anwendung</a:t>
            </a:r>
            <a:r>
              <a:rPr lang="en-GB"/>
              <a:t> </a:t>
            </a:r>
            <a:r>
              <a:rPr lang="en-GB" err="1"/>
              <a:t>änder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1.2) Kann-Kriterien (X soll/sollte Y können)</a:t>
            </a:r>
          </a:p>
        </p:txBody>
      </p:sp>
    </p:spTree>
    <p:extLst>
      <p:ext uri="{BB962C8B-B14F-4D97-AF65-F5344CB8AC3E}">
        <p14:creationId xmlns:p14="http://schemas.microsoft.com/office/powerpoint/2010/main" val="419030813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Im Einsatz wird hier geschaut, wo, wie und für den die Applikation genutzt wir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Aufteilung in 2.1) Anwendungsbereich, 2.2) Zielgruppen und 2.3) Betriebsbedingungen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2) Einsatz</a:t>
            </a:r>
          </a:p>
        </p:txBody>
      </p:sp>
    </p:spTree>
    <p:extLst>
      <p:ext uri="{BB962C8B-B14F-4D97-AF65-F5344CB8AC3E}">
        <p14:creationId xmlns:p14="http://schemas.microsoft.com/office/powerpoint/2010/main" val="318742326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ie </a:t>
            </a:r>
            <a:r>
              <a:rPr lang="en-GB" err="1"/>
              <a:t>Anwendung</a:t>
            </a:r>
            <a:r>
              <a:rPr lang="en-GB"/>
              <a:t> </a:t>
            </a:r>
            <a:r>
              <a:rPr lang="en-GB" err="1"/>
              <a:t>soll</a:t>
            </a:r>
            <a:r>
              <a:rPr lang="en-GB"/>
              <a:t> </a:t>
            </a:r>
            <a:r>
              <a:rPr lang="en-GB" err="1"/>
              <a:t>als</a:t>
            </a:r>
            <a:r>
              <a:rPr lang="en-GB"/>
              <a:t> B2B/B2C-Service </a:t>
            </a:r>
            <a:r>
              <a:rPr lang="en-GB" err="1"/>
              <a:t>angeboten</a:t>
            </a:r>
            <a:r>
              <a:rPr lang="en-GB"/>
              <a:t> ward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B2B: Haupt-Bot </a:t>
            </a:r>
            <a:r>
              <a:rPr lang="en-GB" err="1"/>
              <a:t>zum</a:t>
            </a:r>
            <a:r>
              <a:rPr lang="en-GB"/>
              <a:t> </a:t>
            </a:r>
            <a:r>
              <a:rPr lang="en-GB" err="1"/>
              <a:t>Erstellen</a:t>
            </a:r>
            <a:r>
              <a:rPr lang="en-GB"/>
              <a:t> der </a:t>
            </a:r>
            <a:r>
              <a:rPr lang="en-GB" err="1"/>
              <a:t>einzelnen</a:t>
            </a:r>
            <a:r>
              <a:rPr lang="en-GB"/>
              <a:t> Shop-Bo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B2C: Am Bot </a:t>
            </a:r>
            <a:r>
              <a:rPr lang="en-GB" err="1"/>
              <a:t>erstellte</a:t>
            </a:r>
            <a:r>
              <a:rPr lang="en-GB"/>
              <a:t> Shops, </a:t>
            </a:r>
            <a:r>
              <a:rPr lang="en-GB" err="1"/>
              <a:t>bei</a:t>
            </a:r>
            <a:r>
              <a:rPr lang="en-GB"/>
              <a:t> </a:t>
            </a:r>
            <a:r>
              <a:rPr lang="en-GB" err="1"/>
              <a:t>denen</a:t>
            </a:r>
            <a:r>
              <a:rPr lang="en-GB"/>
              <a:t> </a:t>
            </a:r>
            <a:r>
              <a:rPr lang="en-GB" err="1"/>
              <a:t>Kund:innen</a:t>
            </a:r>
            <a:r>
              <a:rPr lang="en-GB"/>
              <a:t> was </a:t>
            </a:r>
            <a:r>
              <a:rPr lang="en-GB" err="1"/>
              <a:t>bestellen</a:t>
            </a:r>
            <a:r>
              <a:rPr lang="en-GB"/>
              <a:t> </a:t>
            </a:r>
            <a:r>
              <a:rPr lang="en-GB" err="1"/>
              <a:t>können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Die </a:t>
            </a:r>
            <a:r>
              <a:rPr lang="en-GB" err="1"/>
              <a:t>Anwendung</a:t>
            </a:r>
            <a:r>
              <a:rPr lang="en-GB"/>
              <a:t> </a:t>
            </a:r>
            <a:r>
              <a:rPr lang="en-GB" err="1"/>
              <a:t>soll</a:t>
            </a:r>
            <a:r>
              <a:rPr lang="en-GB"/>
              <a:t> </a:t>
            </a:r>
            <a:r>
              <a:rPr lang="en-GB" err="1"/>
              <a:t>im</a:t>
            </a:r>
            <a:r>
              <a:rPr lang="en-GB"/>
              <a:t> </a:t>
            </a:r>
            <a:r>
              <a:rPr lang="en-GB" b="1" err="1"/>
              <a:t>alltäglichen</a:t>
            </a:r>
            <a:r>
              <a:rPr lang="en-GB" b="1"/>
              <a:t> </a:t>
            </a:r>
            <a:r>
              <a:rPr lang="en-GB" b="1" err="1"/>
              <a:t>Gebrauch</a:t>
            </a:r>
            <a:r>
              <a:rPr lang="en-GB"/>
              <a:t> </a:t>
            </a:r>
            <a:r>
              <a:rPr lang="en-GB" err="1"/>
              <a:t>eingesetzt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, um schnell </a:t>
            </a:r>
            <a:r>
              <a:rPr lang="en-GB" err="1"/>
              <a:t>zB</a:t>
            </a:r>
            <a:r>
              <a:rPr lang="en-GB"/>
              <a:t>. </a:t>
            </a:r>
            <a:r>
              <a:rPr lang="en-GB" err="1"/>
              <a:t>Waren</a:t>
            </a:r>
            <a:r>
              <a:rPr lang="en-GB"/>
              <a:t>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kaufen</a:t>
            </a:r>
            <a:r>
              <a:rPr lang="en-GB"/>
              <a:t> </a:t>
            </a:r>
            <a:r>
              <a:rPr lang="en-GB" err="1"/>
              <a:t>oder</a:t>
            </a:r>
            <a:r>
              <a:rPr lang="en-GB"/>
              <a:t> Essen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bestellen</a:t>
            </a:r>
            <a:r>
              <a:rPr lang="en-GB"/>
              <a:t>.</a:t>
            </a: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2.1) Anwendunsbereich</a:t>
            </a:r>
          </a:p>
        </p:txBody>
      </p:sp>
    </p:spTree>
    <p:extLst>
      <p:ext uri="{BB962C8B-B14F-4D97-AF65-F5344CB8AC3E}">
        <p14:creationId xmlns:p14="http://schemas.microsoft.com/office/powerpoint/2010/main" val="50425469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8F1663F-D47C-EAD0-A586-95924288BF60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DE"/>
              <a:t>Karen Kundi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Kauft gerne Onlin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Möchte schnell mit wenigen Klicks Essen/Sonstiges bestell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Pain: Webseitenbedienu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887CB5D-281A-5C51-1DDB-7303E25225CA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DE"/>
              <a:t>Stefanie Shopbesitzeri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Will sich eigene Shops anlegen könn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Möchte schnell einen Shop anlegen könn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Nicht so viel Startkapital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Hat mittelviele IT Kenntniss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Pain: Komplexe Technik, eigene Webseiten bauen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FF67930-E6A6-53B8-8088-53563BF5A12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DE"/>
              <a:t>Arnold Admi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Verwaltet die Bot-Erstellu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Stellt eine zentrale Bot-Erstellung für Shopbesitzer:inn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Kann gut mit IT umgeh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Pain: Menschenkontakt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2.2) Zielgruppen</a:t>
            </a:r>
          </a:p>
        </p:txBody>
      </p:sp>
    </p:spTree>
    <p:extLst>
      <p:ext uri="{BB962C8B-B14F-4D97-AF65-F5344CB8AC3E}">
        <p14:creationId xmlns:p14="http://schemas.microsoft.com/office/powerpoint/2010/main" val="305023836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as System </a:t>
            </a:r>
            <a:r>
              <a:rPr lang="en-GB" err="1"/>
              <a:t>soll</a:t>
            </a:r>
            <a:r>
              <a:rPr lang="en-GB"/>
              <a:t> </a:t>
            </a:r>
            <a:r>
              <a:rPr lang="en-GB" err="1"/>
              <a:t>mit</a:t>
            </a:r>
            <a:r>
              <a:rPr lang="en-GB"/>
              <a:t> </a:t>
            </a:r>
            <a:r>
              <a:rPr lang="en-GB" err="1"/>
              <a:t>einer</a:t>
            </a:r>
            <a:r>
              <a:rPr lang="en-GB"/>
              <a:t> </a:t>
            </a:r>
            <a:r>
              <a:rPr lang="en-GB" err="1"/>
              <a:t>Internetverbindung</a:t>
            </a:r>
            <a:r>
              <a:rPr lang="en-GB"/>
              <a:t> von </a:t>
            </a:r>
            <a:r>
              <a:rPr lang="en-GB" err="1"/>
              <a:t>überall</a:t>
            </a:r>
            <a:r>
              <a:rPr lang="en-GB"/>
              <a:t> </a:t>
            </a:r>
            <a:r>
              <a:rPr lang="en-GB" err="1"/>
              <a:t>aus</a:t>
            </a:r>
            <a:r>
              <a:rPr lang="en-GB"/>
              <a:t> </a:t>
            </a:r>
            <a:r>
              <a:rPr lang="en-GB" err="1"/>
              <a:t>bedienbar</a:t>
            </a:r>
            <a:r>
              <a:rPr lang="en-GB"/>
              <a:t> und </a:t>
            </a:r>
            <a:r>
              <a:rPr lang="en-GB" err="1"/>
              <a:t>konfigurierbar</a:t>
            </a:r>
            <a:r>
              <a:rPr lang="en-GB"/>
              <a:t> sein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Dafür</a:t>
            </a:r>
            <a:r>
              <a:rPr lang="en-GB"/>
              <a:t> </a:t>
            </a:r>
            <a:r>
              <a:rPr lang="en-GB" err="1"/>
              <a:t>soll</a:t>
            </a:r>
            <a:r>
              <a:rPr lang="en-GB"/>
              <a:t> das System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maximale</a:t>
            </a:r>
            <a:r>
              <a:rPr lang="en-GB"/>
              <a:t> Uptime </a:t>
            </a:r>
            <a:r>
              <a:rPr lang="en-GB" err="1"/>
              <a:t>hab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</a:t>
            </a:r>
            <a:r>
              <a:rPr lang="en-GB" err="1"/>
              <a:t>durchgehend</a:t>
            </a:r>
            <a:r>
              <a:rPr lang="en-GB"/>
              <a:t> von den Admins auf die Bots </a:t>
            </a:r>
            <a:r>
              <a:rPr lang="en-GB" err="1"/>
              <a:t>zugegriffen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 </a:t>
            </a:r>
            <a:r>
              <a:rPr lang="en-GB" err="1"/>
              <a:t>kann</a:t>
            </a:r>
            <a:r>
              <a:rPr lang="en-GB"/>
              <a:t>. Auch </a:t>
            </a:r>
            <a:r>
              <a:rPr lang="en-GB" err="1"/>
              <a:t>sollen</a:t>
            </a:r>
            <a:r>
              <a:rPr lang="en-GB"/>
              <a:t> </a:t>
            </a:r>
            <a:r>
              <a:rPr lang="en-GB" err="1"/>
              <a:t>Bezahl</a:t>
            </a:r>
            <a:r>
              <a:rPr lang="en-GB"/>
              <a:t>- und </a:t>
            </a:r>
            <a:r>
              <a:rPr lang="en-GB" err="1"/>
              <a:t>Bestellvorgänge</a:t>
            </a:r>
            <a:r>
              <a:rPr lang="en-GB"/>
              <a:t> </a:t>
            </a:r>
            <a:r>
              <a:rPr lang="en-GB" err="1"/>
              <a:t>nicht</a:t>
            </a:r>
            <a:r>
              <a:rPr lang="en-GB"/>
              <a:t> </a:t>
            </a:r>
            <a:r>
              <a:rPr lang="en-GB" err="1"/>
              <a:t>einfach</a:t>
            </a:r>
            <a:r>
              <a:rPr lang="en-GB"/>
              <a:t> </a:t>
            </a:r>
            <a:r>
              <a:rPr lang="en-GB" err="1"/>
              <a:t>abbrechen</a:t>
            </a:r>
            <a:r>
              <a:rPr lang="en-GB"/>
              <a:t>, </a:t>
            </a:r>
            <a:r>
              <a:rPr lang="en-GB" err="1"/>
              <a:t>weshalb</a:t>
            </a:r>
            <a:r>
              <a:rPr lang="en-GB"/>
              <a:t>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maximale</a:t>
            </a:r>
            <a:r>
              <a:rPr lang="en-GB"/>
              <a:t> Uptime </a:t>
            </a:r>
            <a:r>
              <a:rPr lang="en-GB" err="1"/>
              <a:t>wichtig</a:t>
            </a:r>
            <a:r>
              <a:rPr lang="en-GB"/>
              <a:t> </a:t>
            </a:r>
            <a:r>
              <a:rPr lang="en-GB" err="1"/>
              <a:t>ist</a:t>
            </a:r>
            <a:r>
              <a:rPr lang="en-GB"/>
              <a:t>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Auch </a:t>
            </a:r>
            <a:r>
              <a:rPr lang="en-GB" err="1"/>
              <a:t>nachts</a:t>
            </a:r>
            <a:r>
              <a:rPr lang="en-GB"/>
              <a:t> </a:t>
            </a:r>
            <a:r>
              <a:rPr lang="en-GB" err="1"/>
              <a:t>sollen</a:t>
            </a:r>
            <a:r>
              <a:rPr lang="en-GB"/>
              <a:t> die Bots/Shops online sein, </a:t>
            </a:r>
            <a:r>
              <a:rPr lang="en-GB" err="1"/>
              <a:t>wobei</a:t>
            </a:r>
            <a:r>
              <a:rPr lang="en-GB"/>
              <a:t> in </a:t>
            </a:r>
            <a:r>
              <a:rPr lang="en-GB" err="1"/>
              <a:t>frühen</a:t>
            </a:r>
            <a:r>
              <a:rPr lang="en-GB"/>
              <a:t> </a:t>
            </a:r>
            <a:r>
              <a:rPr lang="en-GB" err="1"/>
              <a:t>Morgenstunden</a:t>
            </a:r>
            <a:r>
              <a:rPr lang="en-GB"/>
              <a:t> (</a:t>
            </a:r>
            <a:r>
              <a:rPr lang="en-GB" err="1"/>
              <a:t>zwischen</a:t>
            </a:r>
            <a:r>
              <a:rPr lang="en-GB"/>
              <a:t> 3-4 </a:t>
            </a:r>
            <a:r>
              <a:rPr lang="en-GB" err="1"/>
              <a:t>Uhr</a:t>
            </a:r>
            <a:r>
              <a:rPr lang="en-GB"/>
              <a:t>) </a:t>
            </a:r>
            <a:r>
              <a:rPr lang="en-GB" err="1"/>
              <a:t>Wartungsarbeiten</a:t>
            </a:r>
            <a:r>
              <a:rPr lang="en-GB"/>
              <a:t> </a:t>
            </a:r>
            <a:r>
              <a:rPr lang="en-GB" err="1"/>
              <a:t>stattfinden</a:t>
            </a:r>
            <a:r>
              <a:rPr lang="en-GB"/>
              <a:t> </a:t>
            </a:r>
            <a:r>
              <a:rPr lang="en-GB" err="1"/>
              <a:t>könnten</a:t>
            </a:r>
            <a:r>
              <a:rPr lang="en-GB"/>
              <a:t>, da </a:t>
            </a:r>
            <a:r>
              <a:rPr lang="en-GB" err="1"/>
              <a:t>dort</a:t>
            </a:r>
            <a:r>
              <a:rPr lang="en-GB"/>
              <a:t> </a:t>
            </a:r>
            <a:r>
              <a:rPr lang="en-GB" err="1"/>
              <a:t>sehr</a:t>
            </a:r>
            <a:r>
              <a:rPr lang="en-GB"/>
              <a:t> </a:t>
            </a:r>
            <a:r>
              <a:rPr lang="en-GB" err="1"/>
              <a:t>geringer</a:t>
            </a:r>
            <a:r>
              <a:rPr lang="en-GB"/>
              <a:t> User-Traffic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erwarten</a:t>
            </a:r>
            <a:r>
              <a:rPr lang="en-GB"/>
              <a:t> </a:t>
            </a:r>
            <a:r>
              <a:rPr lang="en-GB" err="1"/>
              <a:t>ist</a:t>
            </a:r>
            <a:r>
              <a:rPr lang="en-GB"/>
              <a:t>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2.3) Betriebsbedingungen</a:t>
            </a:r>
          </a:p>
        </p:txBody>
      </p:sp>
    </p:spTree>
    <p:extLst>
      <p:ext uri="{BB962C8B-B14F-4D97-AF65-F5344CB8AC3E}">
        <p14:creationId xmlns:p14="http://schemas.microsoft.com/office/powerpoint/2010/main" val="319250359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92500" lnSpcReduction="20000"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>
                <a:solidFill>
                  <a:srgbClr val="00B050"/>
                </a:solidFill>
              </a:rPr>
              <a:t>Kundenworkshop</a:t>
            </a:r>
            <a:r>
              <a:rPr lang="en-GB">
                <a:solidFill>
                  <a:srgbClr val="00B050"/>
                </a:solidFill>
              </a:rPr>
              <a:t> am 04.07.2022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>
                <a:solidFill>
                  <a:srgbClr val="00B050"/>
                </a:solidFill>
              </a:rPr>
              <a:t>Anforderungen</a:t>
            </a:r>
            <a:r>
              <a:rPr lang="en-GB">
                <a:solidFill>
                  <a:srgbClr val="00B050"/>
                </a:solidFill>
              </a:rPr>
              <a:t> </a:t>
            </a:r>
            <a:r>
              <a:rPr lang="en-GB" err="1">
                <a:solidFill>
                  <a:srgbClr val="00B050"/>
                </a:solidFill>
              </a:rPr>
              <a:t>definiert</a:t>
            </a:r>
            <a:endParaRPr lang="en-GB">
              <a:solidFill>
                <a:srgbClr val="00B050"/>
              </a:solidFill>
            </a:endParaRP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>
                <a:solidFill>
                  <a:srgbClr val="00B050"/>
                </a:solidFill>
              </a:rPr>
              <a:t>Q&amp;A Session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>
                <a:solidFill>
                  <a:srgbClr val="00B050"/>
                </a:solidFill>
              </a:rPr>
              <a:t>Mockups</a:t>
            </a:r>
            <a:r>
              <a:rPr lang="en-GB">
                <a:solidFill>
                  <a:srgbClr val="00B050"/>
                </a:solidFill>
              </a:rPr>
              <a:t> </a:t>
            </a:r>
            <a:r>
              <a:rPr lang="en-GB" err="1">
                <a:solidFill>
                  <a:srgbClr val="00B050"/>
                </a:solidFill>
              </a:rPr>
              <a:t>entwerfen</a:t>
            </a:r>
            <a:endParaRPr lang="en-GB">
              <a:solidFill>
                <a:srgbClr val="00B050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>
                <a:solidFill>
                  <a:srgbClr val="FFC000"/>
                </a:solidFill>
              </a:rPr>
              <a:t>Präsentation</a:t>
            </a:r>
            <a:r>
              <a:rPr lang="en-GB">
                <a:solidFill>
                  <a:srgbClr val="FFC000"/>
                </a:solidFill>
              </a:rPr>
              <a:t> für Stakeholder am 28.07.2022 (</a:t>
            </a:r>
            <a:r>
              <a:rPr lang="en-GB" err="1">
                <a:solidFill>
                  <a:srgbClr val="FFC000"/>
                </a:solidFill>
              </a:rPr>
              <a:t>heute</a:t>
            </a:r>
            <a:r>
              <a:rPr lang="en-GB">
                <a:solidFill>
                  <a:srgbClr val="FFC000"/>
                </a:solidFill>
              </a:rPr>
              <a:t>)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>
                <a:solidFill>
                  <a:srgbClr val="FFC000"/>
                </a:solidFill>
              </a:rPr>
              <a:t>Shop-Besitzer:innen</a:t>
            </a:r>
            <a:endParaRPr lang="en-GB">
              <a:solidFill>
                <a:srgbClr val="FFC000"/>
              </a:solidFill>
            </a:endParaRP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>
                <a:solidFill>
                  <a:srgbClr val="FFC000"/>
                </a:solidFill>
              </a:rPr>
              <a:t>Entwickler:innen</a:t>
            </a:r>
            <a:endParaRPr lang="en-GB">
              <a:solidFill>
                <a:srgbClr val="FFC000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Entwicklung</a:t>
            </a:r>
            <a:r>
              <a:rPr lang="en-GB"/>
              <a:t> </a:t>
            </a:r>
            <a:r>
              <a:rPr lang="en-GB" err="1"/>
              <a:t>beginnt</a:t>
            </a:r>
            <a:r>
              <a:rPr lang="en-GB"/>
              <a:t> am 01.08.2022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Release </a:t>
            </a:r>
            <a:r>
              <a:rPr lang="en-GB" err="1"/>
              <a:t>Testversion</a:t>
            </a:r>
            <a:r>
              <a:rPr lang="en-GB"/>
              <a:t> </a:t>
            </a:r>
            <a:r>
              <a:rPr lang="en-GB" err="1"/>
              <a:t>Anfang</a:t>
            </a:r>
            <a:r>
              <a:rPr lang="en-GB"/>
              <a:t> </a:t>
            </a:r>
            <a:r>
              <a:rPr lang="en-GB" err="1"/>
              <a:t>Oktober</a:t>
            </a:r>
            <a:endParaRPr lang="en-GB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Release Walking Skeleton Ende Q4 2022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Release </a:t>
            </a:r>
            <a:r>
              <a:rPr lang="en-GB" err="1"/>
              <a:t>Vollständige</a:t>
            </a:r>
            <a:r>
              <a:rPr lang="en-GB"/>
              <a:t> Version Ende Q2 2023</a:t>
            </a: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Terminplanung</a:t>
            </a:r>
          </a:p>
        </p:txBody>
      </p:sp>
      <p:grpSp>
        <p:nvGrpSpPr>
          <p:cNvPr id="5" name="Group 4" descr="Radial graph">
            <a:extLst>
              <a:ext uri="{FF2B5EF4-FFF2-40B4-BE49-F238E27FC236}">
                <a16:creationId xmlns:a16="http://schemas.microsoft.com/office/drawing/2014/main" id="{0A245874-B7DD-5156-BE55-F3D2101A2ED1}"/>
              </a:ext>
            </a:extLst>
          </p:cNvPr>
          <p:cNvGrpSpPr/>
          <p:nvPr/>
        </p:nvGrpSpPr>
        <p:grpSpPr>
          <a:xfrm>
            <a:off x="6536267" y="4297296"/>
            <a:ext cx="4795308" cy="1881408"/>
            <a:chOff x="2404254" y="2167227"/>
            <a:chExt cx="6677229" cy="2936875"/>
          </a:xfrm>
        </p:grpSpPr>
        <p:sp>
          <p:nvSpPr>
            <p:cNvPr id="6" name="Line 8">
              <a:extLst>
                <a:ext uri="{FF2B5EF4-FFF2-40B4-BE49-F238E27FC236}">
                  <a16:creationId xmlns:a16="http://schemas.microsoft.com/office/drawing/2014/main" id="{A1293FDE-6C81-1E47-9F43-F8933015CE8E}"/>
                </a:ext>
              </a:extLst>
            </p:cNvPr>
            <p:cNvSpPr>
              <a:spLocks noChangeShapeType="1"/>
            </p:cNvSpPr>
            <p:nvPr/>
          </p:nvSpPr>
          <p:spPr bwMode="gray">
            <a:xfrm flipV="1">
              <a:off x="2406371" y="5104101"/>
              <a:ext cx="3803760" cy="0"/>
            </a:xfrm>
            <a:prstGeom prst="line">
              <a:avLst/>
            </a:prstGeom>
            <a:noFill/>
            <a:ln w="25400">
              <a:solidFill>
                <a:schemeClr val="tx1"/>
              </a:solidFill>
              <a:round/>
              <a:headEnd type="none" w="med" len="lg"/>
              <a:tailEnd type="triangle" w="med" len="med"/>
            </a:ln>
            <a:effectLst/>
          </p:spPr>
          <p:txBody>
            <a:bodyPr wrap="none" lIns="85710" tIns="64283" rIns="85710" bIns="64283" anchor="ctr"/>
            <a:lstStyle/>
            <a:p>
              <a:endParaRPr lang="en-US"/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E190A32E-A8A5-5949-CD68-C56A3470071B}"/>
                </a:ext>
              </a:extLst>
            </p:cNvPr>
            <p:cNvSpPr txBox="1"/>
            <p:nvPr/>
          </p:nvSpPr>
          <p:spPr bwMode="gray">
            <a:xfrm flipH="1">
              <a:off x="6144749" y="4323049"/>
              <a:ext cx="2936733" cy="369332"/>
            </a:xfrm>
            <a:prstGeom prst="rect">
              <a:avLst/>
            </a:prstGeom>
            <a:noFill/>
          </p:spPr>
          <p:txBody>
            <a:bodyPr wrap="square" rIns="0" rtlCol="0">
              <a:spAutoFit/>
            </a:bodyPr>
            <a:lstStyle/>
            <a:p>
              <a:pPr algn="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800" kern="0" err="1">
                  <a:ea typeface="Arial Unicode MS" pitchFamily="34" charset="-128"/>
                  <a:cs typeface="Arial Unicode MS" pitchFamily="34" charset="-128"/>
                </a:rPr>
                <a:t>Testversion</a:t>
              </a:r>
              <a:endParaRPr lang="en-US" sz="1800" kern="0"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316B5506-391D-8DF2-4367-D12718BE530B}"/>
                </a:ext>
              </a:extLst>
            </p:cNvPr>
            <p:cNvSpPr txBox="1"/>
            <p:nvPr/>
          </p:nvSpPr>
          <p:spPr bwMode="gray">
            <a:xfrm flipH="1">
              <a:off x="6144749" y="3537951"/>
              <a:ext cx="2936733" cy="369332"/>
            </a:xfrm>
            <a:prstGeom prst="rect">
              <a:avLst/>
            </a:prstGeom>
            <a:noFill/>
          </p:spPr>
          <p:txBody>
            <a:bodyPr wrap="square" rIns="0" rtlCol="0">
              <a:spAutoFit/>
            </a:bodyPr>
            <a:lstStyle/>
            <a:p>
              <a:pPr algn="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800" kern="0">
                  <a:ea typeface="Arial Unicode MS" pitchFamily="34" charset="-128"/>
                  <a:cs typeface="Arial Unicode MS" pitchFamily="34" charset="-128"/>
                </a:rPr>
                <a:t>Walking Skeleton</a:t>
              </a: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79F3EC98-01B8-5096-8E4B-E8FA30DD7DA8}"/>
                </a:ext>
              </a:extLst>
            </p:cNvPr>
            <p:cNvSpPr txBox="1"/>
            <p:nvPr/>
          </p:nvSpPr>
          <p:spPr bwMode="gray">
            <a:xfrm flipH="1">
              <a:off x="6144750" y="2752854"/>
              <a:ext cx="2936733" cy="369332"/>
            </a:xfrm>
            <a:prstGeom prst="rect">
              <a:avLst/>
            </a:prstGeom>
            <a:noFill/>
          </p:spPr>
          <p:txBody>
            <a:bodyPr wrap="square" rIns="0" rtlCol="0">
              <a:spAutoFit/>
            </a:bodyPr>
            <a:lstStyle/>
            <a:p>
              <a:pPr algn="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800" kern="0" err="1">
                  <a:ea typeface="Arial Unicode MS" pitchFamily="34" charset="-128"/>
                  <a:cs typeface="Arial Unicode MS" pitchFamily="34" charset="-128"/>
                </a:rPr>
                <a:t>Volle</a:t>
              </a:r>
              <a:r>
                <a:rPr lang="en-US" sz="1800" kern="0">
                  <a:ea typeface="Arial Unicode MS" pitchFamily="34" charset="-128"/>
                  <a:cs typeface="Arial Unicode MS" pitchFamily="34" charset="-128"/>
                </a:rPr>
                <a:t> </a:t>
              </a:r>
              <a:r>
                <a:rPr lang="en-US" sz="1800" kern="0" err="1">
                  <a:ea typeface="Arial Unicode MS" pitchFamily="34" charset="-128"/>
                  <a:cs typeface="Arial Unicode MS" pitchFamily="34" charset="-128"/>
                </a:rPr>
                <a:t>Funktionalität</a:t>
              </a:r>
              <a:endParaRPr lang="en-US" sz="1800" kern="0"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0" name="Arc 3">
              <a:extLst>
                <a:ext uri="{FF2B5EF4-FFF2-40B4-BE49-F238E27FC236}">
                  <a16:creationId xmlns:a16="http://schemas.microsoft.com/office/drawing/2014/main" id="{E7307248-CE58-99D4-35A8-0A7144E79300}"/>
                </a:ext>
              </a:extLst>
            </p:cNvPr>
            <p:cNvSpPr>
              <a:spLocks/>
            </p:cNvSpPr>
            <p:nvPr/>
          </p:nvSpPr>
          <p:spPr bwMode="gray">
            <a:xfrm rot="10800000" flipH="1" flipV="1">
              <a:off x="2404255" y="2410113"/>
              <a:ext cx="3592086" cy="2693988"/>
            </a:xfrm>
            <a:custGeom>
              <a:avLst/>
              <a:gdLst>
                <a:gd name="G0" fmla="+- 0 0 0"/>
                <a:gd name="G1" fmla="+- 21600 0 0"/>
                <a:gd name="G2" fmla="+- 21600 0 0"/>
                <a:gd name="T0" fmla="*/ 0 w 21600"/>
                <a:gd name="T1" fmla="*/ 0 h 21600"/>
                <a:gd name="T2" fmla="*/ 21600 w 21600"/>
                <a:gd name="T3" fmla="*/ 21600 h 21600"/>
                <a:gd name="T4" fmla="*/ 0 w 21600"/>
                <a:gd name="T5" fmla="*/ 21600 h 216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1600" h="21600" fill="none" extrusionOk="0">
                  <a:moveTo>
                    <a:pt x="-1" y="0"/>
                  </a:moveTo>
                  <a:cubicBezTo>
                    <a:pt x="11929" y="0"/>
                    <a:pt x="21600" y="9670"/>
                    <a:pt x="21600" y="21600"/>
                  </a:cubicBezTo>
                </a:path>
                <a:path w="21600" h="21600" stroke="0" extrusionOk="0">
                  <a:moveTo>
                    <a:pt x="-1" y="0"/>
                  </a:moveTo>
                  <a:cubicBezTo>
                    <a:pt x="11929" y="0"/>
                    <a:pt x="21600" y="9670"/>
                    <a:pt x="21600" y="21600"/>
                  </a:cubicBezTo>
                  <a:lnTo>
                    <a:pt x="0" y="21600"/>
                  </a:lnTo>
                  <a:close/>
                </a:path>
              </a:pathLst>
            </a:custGeom>
            <a:solidFill>
              <a:schemeClr val="accent1"/>
            </a:solidFill>
            <a:ln w="12700">
              <a:solidFill>
                <a:schemeClr val="bg1"/>
              </a:solidFill>
              <a:round/>
              <a:headEnd/>
              <a:tailEnd/>
            </a:ln>
            <a:effectLst/>
          </p:spPr>
          <p:txBody>
            <a:bodyPr wrap="none" lIns="89979" tIns="46789" rIns="89979" bIns="46789" anchor="ctr"/>
            <a:lstStyle/>
            <a:p>
              <a:endParaRPr lang="en-US"/>
            </a:p>
          </p:txBody>
        </p:sp>
        <p:sp>
          <p:nvSpPr>
            <p:cNvPr id="11" name="Arc 4">
              <a:extLst>
                <a:ext uri="{FF2B5EF4-FFF2-40B4-BE49-F238E27FC236}">
                  <a16:creationId xmlns:a16="http://schemas.microsoft.com/office/drawing/2014/main" id="{B2B5E995-4ABD-ED2E-6B1E-9896332878C8}"/>
                </a:ext>
              </a:extLst>
            </p:cNvPr>
            <p:cNvSpPr>
              <a:spLocks/>
            </p:cNvSpPr>
            <p:nvPr/>
          </p:nvSpPr>
          <p:spPr bwMode="gray">
            <a:xfrm rot="10800000" flipH="1" flipV="1">
              <a:off x="2404255" y="3297526"/>
              <a:ext cx="2408836" cy="1806575"/>
            </a:xfrm>
            <a:custGeom>
              <a:avLst/>
              <a:gdLst>
                <a:gd name="G0" fmla="+- 0 0 0"/>
                <a:gd name="G1" fmla="+- 21600 0 0"/>
                <a:gd name="G2" fmla="+- 21600 0 0"/>
                <a:gd name="T0" fmla="*/ 0 w 21600"/>
                <a:gd name="T1" fmla="*/ 0 h 21600"/>
                <a:gd name="T2" fmla="*/ 21600 w 21600"/>
                <a:gd name="T3" fmla="*/ 21600 h 21600"/>
                <a:gd name="T4" fmla="*/ 0 w 21600"/>
                <a:gd name="T5" fmla="*/ 21600 h 216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1600" h="21600" fill="none" extrusionOk="0">
                  <a:moveTo>
                    <a:pt x="-1" y="0"/>
                  </a:moveTo>
                  <a:cubicBezTo>
                    <a:pt x="11929" y="0"/>
                    <a:pt x="21600" y="9670"/>
                    <a:pt x="21600" y="21600"/>
                  </a:cubicBezTo>
                </a:path>
                <a:path w="21600" h="21600" stroke="0" extrusionOk="0">
                  <a:moveTo>
                    <a:pt x="-1" y="0"/>
                  </a:moveTo>
                  <a:cubicBezTo>
                    <a:pt x="11929" y="0"/>
                    <a:pt x="21600" y="9670"/>
                    <a:pt x="21600" y="21600"/>
                  </a:cubicBezTo>
                  <a:lnTo>
                    <a:pt x="0" y="21600"/>
                  </a:lnTo>
                  <a:close/>
                </a:path>
              </a:pathLst>
            </a:custGeom>
            <a:solidFill>
              <a:schemeClr val="bg1"/>
            </a:solidFill>
            <a:ln w="12700">
              <a:solidFill>
                <a:schemeClr val="tx1"/>
              </a:solidFill>
              <a:round/>
              <a:headEnd/>
              <a:tailEnd/>
            </a:ln>
            <a:effectLst/>
          </p:spPr>
          <p:txBody>
            <a:bodyPr wrap="none" lIns="89979" tIns="46789" rIns="89979" bIns="46789" anchor="ctr"/>
            <a:lstStyle/>
            <a:p>
              <a:endParaRPr lang="en-US"/>
            </a:p>
          </p:txBody>
        </p:sp>
        <p:sp>
          <p:nvSpPr>
            <p:cNvPr id="12" name="Line 7">
              <a:extLst>
                <a:ext uri="{FF2B5EF4-FFF2-40B4-BE49-F238E27FC236}">
                  <a16:creationId xmlns:a16="http://schemas.microsoft.com/office/drawing/2014/main" id="{A63B0C78-7283-1409-01D9-53A1289BECFC}"/>
                </a:ext>
              </a:extLst>
            </p:cNvPr>
            <p:cNvSpPr>
              <a:spLocks noChangeShapeType="1"/>
            </p:cNvSpPr>
            <p:nvPr/>
          </p:nvSpPr>
          <p:spPr bwMode="gray">
            <a:xfrm flipV="1">
              <a:off x="2404254" y="2167227"/>
              <a:ext cx="0" cy="2936875"/>
            </a:xfrm>
            <a:prstGeom prst="line">
              <a:avLst/>
            </a:prstGeom>
            <a:noFill/>
            <a:ln w="25400">
              <a:solidFill>
                <a:schemeClr val="tx1"/>
              </a:solidFill>
              <a:round/>
              <a:headEnd type="none" w="med" len="med"/>
              <a:tailEnd type="triangle" w="med" len="med"/>
            </a:ln>
            <a:effectLst/>
          </p:spPr>
          <p:txBody>
            <a:bodyPr wrap="none" lIns="85710" tIns="64283" rIns="85710" bIns="64283" anchor="ctr"/>
            <a:lstStyle/>
            <a:p>
              <a:endParaRPr lang="en-US">
                <a:ln>
                  <a:solidFill>
                    <a:sysClr val="windowText" lastClr="000000"/>
                  </a:solidFill>
                </a:ln>
              </a:endParaRPr>
            </a:p>
          </p:txBody>
        </p:sp>
        <p:sp>
          <p:nvSpPr>
            <p:cNvPr id="13" name="Arc 5">
              <a:extLst>
                <a:ext uri="{FF2B5EF4-FFF2-40B4-BE49-F238E27FC236}">
                  <a16:creationId xmlns:a16="http://schemas.microsoft.com/office/drawing/2014/main" id="{3D4705C3-B2AA-F194-829D-C506A803AC04}"/>
                </a:ext>
              </a:extLst>
            </p:cNvPr>
            <p:cNvSpPr>
              <a:spLocks/>
            </p:cNvSpPr>
            <p:nvPr/>
          </p:nvSpPr>
          <p:spPr bwMode="gray">
            <a:xfrm rot="10800000" flipH="1" flipV="1">
              <a:off x="2404255" y="4224626"/>
              <a:ext cx="1172667" cy="879475"/>
            </a:xfrm>
            <a:custGeom>
              <a:avLst/>
              <a:gdLst>
                <a:gd name="G0" fmla="+- 0 0 0"/>
                <a:gd name="G1" fmla="+- 21600 0 0"/>
                <a:gd name="G2" fmla="+- 21600 0 0"/>
                <a:gd name="T0" fmla="*/ 0 w 21600"/>
                <a:gd name="T1" fmla="*/ 0 h 21600"/>
                <a:gd name="T2" fmla="*/ 21600 w 21600"/>
                <a:gd name="T3" fmla="*/ 21600 h 21600"/>
                <a:gd name="T4" fmla="*/ 0 w 21600"/>
                <a:gd name="T5" fmla="*/ 21600 h 216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1600" h="21600" fill="none" extrusionOk="0">
                  <a:moveTo>
                    <a:pt x="-1" y="0"/>
                  </a:moveTo>
                  <a:cubicBezTo>
                    <a:pt x="11929" y="0"/>
                    <a:pt x="21600" y="9670"/>
                    <a:pt x="21600" y="21600"/>
                  </a:cubicBezTo>
                </a:path>
                <a:path w="21600" h="21600" stroke="0" extrusionOk="0">
                  <a:moveTo>
                    <a:pt x="-1" y="0"/>
                  </a:moveTo>
                  <a:cubicBezTo>
                    <a:pt x="11929" y="0"/>
                    <a:pt x="21600" y="9670"/>
                    <a:pt x="21600" y="21600"/>
                  </a:cubicBezTo>
                  <a:lnTo>
                    <a:pt x="0" y="21600"/>
                  </a:lnTo>
                  <a:close/>
                </a:path>
              </a:pathLst>
            </a:custGeom>
            <a:solidFill>
              <a:schemeClr val="bg1"/>
            </a:solidFill>
            <a:ln w="12700">
              <a:solidFill>
                <a:schemeClr val="tx1"/>
              </a:solidFill>
              <a:round/>
              <a:headEnd/>
              <a:tailEnd/>
            </a:ln>
            <a:effectLst/>
          </p:spPr>
          <p:txBody>
            <a:bodyPr wrap="none" lIns="89979" tIns="46789" rIns="89979" bIns="46789" anchor="ctr"/>
            <a:lstStyle/>
            <a:p>
              <a:endParaRPr lang="en-US"/>
            </a:p>
          </p:txBody>
        </p: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B5F77B92-9D02-74BC-74FA-01FF23758361}"/>
                </a:ext>
              </a:extLst>
            </p:cNvPr>
            <p:cNvCxnSpPr/>
            <p:nvPr/>
          </p:nvCxnSpPr>
          <p:spPr bwMode="gray">
            <a:xfrm>
              <a:off x="2944789" y="4718034"/>
              <a:ext cx="6136693" cy="0"/>
            </a:xfrm>
            <a:prstGeom prst="line">
              <a:avLst/>
            </a:prstGeom>
            <a:ln w="6350">
              <a:solidFill>
                <a:schemeClr val="tx1"/>
              </a:solidFill>
              <a:headEnd type="oval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5B9FB690-0DE6-47D9-0323-58CF76F4862C}"/>
                </a:ext>
              </a:extLst>
            </p:cNvPr>
            <p:cNvCxnSpPr/>
            <p:nvPr/>
          </p:nvCxnSpPr>
          <p:spPr bwMode="gray">
            <a:xfrm>
              <a:off x="3375832" y="3932936"/>
              <a:ext cx="5705650" cy="0"/>
            </a:xfrm>
            <a:prstGeom prst="line">
              <a:avLst/>
            </a:prstGeom>
            <a:ln w="6350">
              <a:solidFill>
                <a:schemeClr val="tx1"/>
              </a:solidFill>
              <a:headEnd type="oval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AEDE21D-CC96-C6E8-7B0D-F186CD2587CA}"/>
                </a:ext>
              </a:extLst>
            </p:cNvPr>
            <p:cNvCxnSpPr/>
            <p:nvPr/>
          </p:nvCxnSpPr>
          <p:spPr bwMode="gray">
            <a:xfrm>
              <a:off x="3942328" y="3147839"/>
              <a:ext cx="5139155" cy="0"/>
            </a:xfrm>
            <a:prstGeom prst="line">
              <a:avLst/>
            </a:prstGeom>
            <a:ln w="6350">
              <a:solidFill>
                <a:schemeClr val="tx1"/>
              </a:solidFill>
              <a:headEnd type="oval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18" name="Picture 17">
            <a:extLst>
              <a:ext uri="{FF2B5EF4-FFF2-40B4-BE49-F238E27FC236}">
                <a16:creationId xmlns:a16="http://schemas.microsoft.com/office/drawing/2014/main" id="{BA93B3C7-FE63-3CB7-D8A9-CAC44D192EA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536267" y="873332"/>
            <a:ext cx="4437886" cy="25070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953588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Es </a:t>
            </a:r>
            <a:r>
              <a:rPr lang="en-GB" err="1"/>
              <a:t>ist</a:t>
            </a:r>
            <a:r>
              <a:rPr lang="en-GB"/>
              <a:t> </a:t>
            </a:r>
            <a:r>
              <a:rPr lang="en-GB" err="1"/>
              <a:t>wichtig</a:t>
            </a:r>
            <a:r>
              <a:rPr lang="en-GB"/>
              <a:t>, die </a:t>
            </a:r>
            <a:r>
              <a:rPr lang="en-GB" err="1"/>
              <a:t>Umgebung</a:t>
            </a:r>
            <a:r>
              <a:rPr lang="en-GB"/>
              <a:t> der </a:t>
            </a:r>
            <a:r>
              <a:rPr lang="en-GB" err="1"/>
              <a:t>Applikation</a:t>
            </a:r>
            <a:r>
              <a:rPr lang="en-GB"/>
              <a:t>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definieren</a:t>
            </a:r>
            <a:endParaRPr lang="en-GB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Neben</a:t>
            </a:r>
            <a:r>
              <a:rPr lang="en-GB"/>
              <a:t> Software und Hardware </a:t>
            </a:r>
            <a:r>
              <a:rPr lang="en-GB" err="1"/>
              <a:t>ist</a:t>
            </a:r>
            <a:r>
              <a:rPr lang="en-GB"/>
              <a:t> </a:t>
            </a:r>
            <a:r>
              <a:rPr lang="en-GB" err="1"/>
              <a:t>auch</a:t>
            </a:r>
            <a:r>
              <a:rPr lang="en-GB"/>
              <a:t> das Hosting und die </a:t>
            </a:r>
            <a:r>
              <a:rPr lang="en-GB" err="1"/>
              <a:t>Datenbank</a:t>
            </a:r>
            <a:r>
              <a:rPr lang="en-GB"/>
              <a:t> </a:t>
            </a:r>
            <a:r>
              <a:rPr lang="en-GB" err="1"/>
              <a:t>wichtig</a:t>
            </a:r>
            <a:endParaRPr lang="en-GB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Aufteilung</a:t>
            </a:r>
            <a:r>
              <a:rPr lang="en-GB"/>
              <a:t> in 3.1) Backend, 3.2) Frontend, 3.3) Hosting, 3.4) </a:t>
            </a:r>
            <a:r>
              <a:rPr lang="en-GB" err="1"/>
              <a:t>Datenbank</a:t>
            </a:r>
            <a:r>
              <a:rPr lang="en-GB"/>
              <a:t>, 3.5) </a:t>
            </a:r>
            <a:r>
              <a:rPr lang="en-GB" err="1"/>
              <a:t>Technischer</a:t>
            </a:r>
            <a:r>
              <a:rPr lang="en-GB"/>
              <a:t> Aufbau</a:t>
            </a: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3) Umgebung</a:t>
            </a:r>
          </a:p>
        </p:txBody>
      </p:sp>
    </p:spTree>
    <p:extLst>
      <p:ext uri="{BB962C8B-B14F-4D97-AF65-F5344CB8AC3E}">
        <p14:creationId xmlns:p14="http://schemas.microsoft.com/office/powerpoint/2010/main" val="354948351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ie </a:t>
            </a:r>
            <a:r>
              <a:rPr lang="en-GB" err="1"/>
              <a:t>Architektur</a:t>
            </a:r>
            <a:r>
              <a:rPr lang="en-GB"/>
              <a:t> </a:t>
            </a:r>
            <a:r>
              <a:rPr lang="en-GB" err="1"/>
              <a:t>wird</a:t>
            </a:r>
            <a:r>
              <a:rPr lang="en-GB"/>
              <a:t> </a:t>
            </a:r>
            <a:r>
              <a:rPr lang="en-GB" err="1"/>
              <a:t>eine</a:t>
            </a:r>
            <a:r>
              <a:rPr lang="en-GB"/>
              <a:t> Microservice-</a:t>
            </a:r>
            <a:r>
              <a:rPr lang="en-GB" err="1"/>
              <a:t>Architektur</a:t>
            </a:r>
            <a:r>
              <a:rPr lang="en-GB"/>
              <a:t> sein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ies hat den </a:t>
            </a:r>
            <a:r>
              <a:rPr lang="en-GB" err="1"/>
              <a:t>Grund</a:t>
            </a:r>
            <a:r>
              <a:rPr lang="en-GB"/>
              <a:t>, </a:t>
            </a:r>
            <a:r>
              <a:rPr lang="en-GB" err="1"/>
              <a:t>dass</a:t>
            </a:r>
            <a:r>
              <a:rPr lang="en-GB"/>
              <a:t> </a:t>
            </a:r>
            <a:r>
              <a:rPr lang="en-GB" err="1"/>
              <a:t>solche</a:t>
            </a:r>
            <a:r>
              <a:rPr lang="en-GB"/>
              <a:t> </a:t>
            </a:r>
            <a:r>
              <a:rPr lang="en-GB" err="1"/>
              <a:t>Systeme</a:t>
            </a:r>
            <a:r>
              <a:rPr lang="en-GB"/>
              <a:t> </a:t>
            </a:r>
            <a:r>
              <a:rPr lang="en-GB" err="1"/>
              <a:t>skalable</a:t>
            </a:r>
            <a:r>
              <a:rPr lang="en-GB"/>
              <a:t> und </a:t>
            </a:r>
            <a:r>
              <a:rPr lang="en-GB" err="1"/>
              <a:t>zukunftssicher</a:t>
            </a:r>
            <a:r>
              <a:rPr lang="en-GB"/>
              <a:t> </a:t>
            </a:r>
            <a:r>
              <a:rPr lang="en-GB" err="1"/>
              <a:t>sind</a:t>
            </a:r>
            <a:r>
              <a:rPr lang="en-GB"/>
              <a:t>. Es </a:t>
            </a:r>
            <a:r>
              <a:rPr lang="en-GB" err="1"/>
              <a:t>gibt</a:t>
            </a:r>
            <a:r>
              <a:rPr lang="en-GB"/>
              <a:t> </a:t>
            </a:r>
            <a:r>
              <a:rPr lang="en-GB" err="1"/>
              <a:t>eine</a:t>
            </a:r>
            <a:r>
              <a:rPr lang="en-GB"/>
              <a:t> Haupt-</a:t>
            </a:r>
            <a:r>
              <a:rPr lang="en-GB" err="1"/>
              <a:t>Applikation</a:t>
            </a:r>
            <a:r>
              <a:rPr lang="en-GB"/>
              <a:t> und </a:t>
            </a:r>
            <a:r>
              <a:rPr lang="en-GB" err="1"/>
              <a:t>verschiedene</a:t>
            </a:r>
            <a:r>
              <a:rPr lang="en-GB"/>
              <a:t> Services für </a:t>
            </a:r>
            <a:r>
              <a:rPr lang="en-GB" err="1"/>
              <a:t>verschiedene</a:t>
            </a:r>
            <a:r>
              <a:rPr lang="en-GB"/>
              <a:t> </a:t>
            </a:r>
            <a:r>
              <a:rPr lang="en-GB" err="1"/>
              <a:t>Funktionalitäten</a:t>
            </a:r>
            <a:r>
              <a:rPr lang="en-GB"/>
              <a:t> (Support, </a:t>
            </a:r>
            <a:r>
              <a:rPr lang="en-GB" err="1"/>
              <a:t>Bestellung</a:t>
            </a:r>
            <a:r>
              <a:rPr lang="en-GB"/>
              <a:t>, </a:t>
            </a:r>
            <a:r>
              <a:rPr lang="en-GB" err="1"/>
              <a:t>Profil</a:t>
            </a:r>
            <a:r>
              <a:rPr lang="en-GB"/>
              <a:t>, etc.)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Diese</a:t>
            </a:r>
            <a:r>
              <a:rPr lang="en-GB"/>
              <a:t> </a:t>
            </a:r>
            <a:r>
              <a:rPr lang="en-GB" err="1"/>
              <a:t>sind</a:t>
            </a:r>
            <a:r>
              <a:rPr lang="en-GB"/>
              <a:t> alle </a:t>
            </a:r>
            <a:r>
              <a:rPr lang="en-GB" err="1"/>
              <a:t>voneinander</a:t>
            </a:r>
            <a:r>
              <a:rPr lang="en-GB"/>
              <a:t> </a:t>
            </a:r>
            <a:r>
              <a:rPr lang="en-GB" err="1"/>
              <a:t>unabhängig</a:t>
            </a:r>
            <a:r>
              <a:rPr lang="en-GB"/>
              <a:t> und </a:t>
            </a:r>
            <a:r>
              <a:rPr lang="en-GB" err="1"/>
              <a:t>können</a:t>
            </a:r>
            <a:r>
              <a:rPr lang="en-GB"/>
              <a:t> </a:t>
            </a:r>
            <a:r>
              <a:rPr lang="en-GB" err="1"/>
              <a:t>dementsprechend</a:t>
            </a:r>
            <a:r>
              <a:rPr lang="en-GB"/>
              <a:t> </a:t>
            </a:r>
            <a:r>
              <a:rPr lang="en-GB" err="1"/>
              <a:t>auch</a:t>
            </a:r>
            <a:r>
              <a:rPr lang="en-GB"/>
              <a:t> </a:t>
            </a:r>
            <a:r>
              <a:rPr lang="en-GB" err="1"/>
              <a:t>mit</a:t>
            </a:r>
            <a:r>
              <a:rPr lang="en-GB"/>
              <a:t> </a:t>
            </a:r>
            <a:r>
              <a:rPr lang="en-GB" err="1"/>
              <a:t>verschiedenen</a:t>
            </a:r>
            <a:r>
              <a:rPr lang="en-GB"/>
              <a:t> </a:t>
            </a:r>
            <a:r>
              <a:rPr lang="en-GB" err="1"/>
              <a:t>Programmiersprachen</a:t>
            </a:r>
            <a:r>
              <a:rPr lang="en-GB"/>
              <a:t> </a:t>
            </a:r>
            <a:r>
              <a:rPr lang="en-GB" err="1"/>
              <a:t>oder</a:t>
            </a:r>
            <a:r>
              <a:rPr lang="en-GB"/>
              <a:t> </a:t>
            </a:r>
            <a:r>
              <a:rPr lang="en-GB" err="1"/>
              <a:t>Techniken</a:t>
            </a:r>
            <a:r>
              <a:rPr lang="en-GB"/>
              <a:t> </a:t>
            </a:r>
            <a:r>
              <a:rPr lang="en-GB" err="1"/>
              <a:t>entwickelt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ie </a:t>
            </a:r>
            <a:r>
              <a:rPr lang="en-GB" err="1"/>
              <a:t>Kommunikation</a:t>
            </a:r>
            <a:r>
              <a:rPr lang="en-GB"/>
              <a:t> </a:t>
            </a:r>
            <a:r>
              <a:rPr lang="en-GB" err="1"/>
              <a:t>soll</a:t>
            </a:r>
            <a:r>
              <a:rPr lang="en-GB"/>
              <a:t> </a:t>
            </a:r>
            <a:r>
              <a:rPr lang="en-GB" err="1"/>
              <a:t>über</a:t>
            </a:r>
            <a:r>
              <a:rPr lang="en-GB"/>
              <a:t> REST </a:t>
            </a:r>
            <a:r>
              <a:rPr lang="en-GB" err="1"/>
              <a:t>laufen</a:t>
            </a:r>
            <a:r>
              <a:rPr lang="en-GB"/>
              <a:t>, da dies </a:t>
            </a:r>
            <a:r>
              <a:rPr lang="en-GB" err="1"/>
              <a:t>weitgehend</a:t>
            </a:r>
            <a:r>
              <a:rPr lang="en-GB"/>
              <a:t> </a:t>
            </a:r>
            <a:r>
              <a:rPr lang="en-GB" err="1"/>
              <a:t>bekannt</a:t>
            </a:r>
            <a:r>
              <a:rPr lang="en-GB"/>
              <a:t> und </a:t>
            </a:r>
            <a:r>
              <a:rPr lang="en-GB" err="1"/>
              <a:t>als</a:t>
            </a:r>
            <a:r>
              <a:rPr lang="en-GB"/>
              <a:t> </a:t>
            </a:r>
            <a:r>
              <a:rPr lang="en-GB" err="1"/>
              <a:t>weitgehend</a:t>
            </a:r>
            <a:r>
              <a:rPr lang="en-GB"/>
              <a:t> gut </a:t>
            </a:r>
            <a:r>
              <a:rPr lang="en-GB" err="1"/>
              <a:t>akzeptiert</a:t>
            </a:r>
            <a:r>
              <a:rPr lang="en-GB"/>
              <a:t> </a:t>
            </a:r>
            <a:r>
              <a:rPr lang="en-GB" err="1"/>
              <a:t>wird</a:t>
            </a:r>
            <a:r>
              <a:rPr lang="en-GB"/>
              <a:t>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Weiterhin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 APIs von Telegram </a:t>
            </a:r>
            <a:r>
              <a:rPr lang="en-GB" err="1"/>
              <a:t>benutzt</a:t>
            </a:r>
            <a:r>
              <a:rPr lang="en-GB"/>
              <a:t>, die </a:t>
            </a:r>
            <a:r>
              <a:rPr lang="en-GB" err="1"/>
              <a:t>bestimmte</a:t>
            </a:r>
            <a:r>
              <a:rPr lang="en-GB"/>
              <a:t> </a:t>
            </a:r>
            <a:r>
              <a:rPr lang="en-GB" err="1"/>
              <a:t>Prozesse</a:t>
            </a:r>
            <a:r>
              <a:rPr lang="en-GB"/>
              <a:t> </a:t>
            </a:r>
            <a:r>
              <a:rPr lang="en-GB" err="1"/>
              <a:t>darstell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</a:t>
            </a:r>
            <a:r>
              <a:rPr lang="en-GB" err="1"/>
              <a:t>diese</a:t>
            </a:r>
            <a:r>
              <a:rPr lang="en-GB"/>
              <a:t> </a:t>
            </a:r>
            <a:r>
              <a:rPr lang="en-GB" err="1"/>
              <a:t>einfacher</a:t>
            </a:r>
            <a:r>
              <a:rPr lang="en-GB"/>
              <a:t> </a:t>
            </a:r>
            <a:r>
              <a:rPr lang="en-GB" err="1"/>
              <a:t>funktionieren</a:t>
            </a: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3.1) Backend</a:t>
            </a:r>
          </a:p>
        </p:txBody>
      </p:sp>
    </p:spTree>
    <p:extLst>
      <p:ext uri="{BB962C8B-B14F-4D97-AF65-F5344CB8AC3E}">
        <p14:creationId xmlns:p14="http://schemas.microsoft.com/office/powerpoint/2010/main" val="414186240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as Frontend </a:t>
            </a:r>
            <a:r>
              <a:rPr lang="en-GB" err="1"/>
              <a:t>basiert</a:t>
            </a:r>
            <a:r>
              <a:rPr lang="en-GB"/>
              <a:t> auf </a:t>
            </a:r>
            <a:r>
              <a:rPr lang="en-GB" err="1"/>
              <a:t>bereits</a:t>
            </a:r>
            <a:r>
              <a:rPr lang="en-GB"/>
              <a:t> </a:t>
            </a:r>
            <a:r>
              <a:rPr lang="en-GB" err="1"/>
              <a:t>bekannten</a:t>
            </a:r>
            <a:r>
              <a:rPr lang="en-GB"/>
              <a:t> und </a:t>
            </a:r>
            <a:r>
              <a:rPr lang="en-GB" err="1"/>
              <a:t>berühmten</a:t>
            </a:r>
            <a:r>
              <a:rPr lang="en-GB"/>
              <a:t> Apps für Telegram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as Design </a:t>
            </a:r>
            <a:r>
              <a:rPr lang="en-GB" err="1"/>
              <a:t>ist</a:t>
            </a:r>
            <a:r>
              <a:rPr lang="en-GB"/>
              <a:t> </a:t>
            </a:r>
            <a:r>
              <a:rPr lang="en-GB" err="1"/>
              <a:t>simpel</a:t>
            </a:r>
            <a:r>
              <a:rPr lang="en-GB"/>
              <a:t> und </a:t>
            </a:r>
            <a:r>
              <a:rPr lang="en-GB" err="1"/>
              <a:t>intuitiv</a:t>
            </a:r>
            <a:r>
              <a:rPr lang="en-GB"/>
              <a:t>, so </a:t>
            </a:r>
            <a:r>
              <a:rPr lang="en-GB" err="1"/>
              <a:t>einfach</a:t>
            </a:r>
            <a:r>
              <a:rPr lang="en-GB"/>
              <a:t> </a:t>
            </a:r>
            <a:r>
              <a:rPr lang="en-GB" err="1"/>
              <a:t>wie</a:t>
            </a:r>
            <a:r>
              <a:rPr lang="en-GB"/>
              <a:t> </a:t>
            </a:r>
            <a:r>
              <a:rPr lang="en-GB" err="1"/>
              <a:t>möglich</a:t>
            </a:r>
            <a:r>
              <a:rPr lang="en-GB"/>
              <a:t> und so </a:t>
            </a:r>
            <a:r>
              <a:rPr lang="en-GB" err="1"/>
              <a:t>komplex</a:t>
            </a:r>
            <a:r>
              <a:rPr lang="en-GB"/>
              <a:t> </a:t>
            </a:r>
            <a:r>
              <a:rPr lang="en-GB" err="1"/>
              <a:t>wie</a:t>
            </a:r>
            <a:r>
              <a:rPr lang="en-GB"/>
              <a:t> </a:t>
            </a:r>
            <a:r>
              <a:rPr lang="en-GB" err="1"/>
              <a:t>nötig</a:t>
            </a:r>
            <a:r>
              <a:rPr lang="en-GB"/>
              <a:t>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Durch</a:t>
            </a:r>
            <a:r>
              <a:rPr lang="en-GB"/>
              <a:t> </a:t>
            </a:r>
            <a:r>
              <a:rPr lang="en-GB" err="1"/>
              <a:t>einfache</a:t>
            </a:r>
            <a:r>
              <a:rPr lang="en-GB"/>
              <a:t> </a:t>
            </a:r>
            <a:r>
              <a:rPr lang="en-GB" err="1"/>
              <a:t>Auswahlfenster</a:t>
            </a:r>
            <a:r>
              <a:rPr lang="en-GB"/>
              <a:t> und </a:t>
            </a:r>
            <a:r>
              <a:rPr lang="en-GB" err="1"/>
              <a:t>Entscheidungsdialoge</a:t>
            </a:r>
            <a:r>
              <a:rPr lang="en-GB"/>
              <a:t> </a:t>
            </a:r>
            <a:r>
              <a:rPr lang="en-GB" err="1"/>
              <a:t>mit</a:t>
            </a:r>
            <a:r>
              <a:rPr lang="en-GB"/>
              <a:t> </a:t>
            </a:r>
            <a:r>
              <a:rPr lang="en-GB" err="1"/>
              <a:t>dem</a:t>
            </a:r>
            <a:r>
              <a:rPr lang="en-GB"/>
              <a:t> Shop </a:t>
            </a:r>
            <a:r>
              <a:rPr lang="en-GB" err="1"/>
              <a:t>soll</a:t>
            </a:r>
            <a:r>
              <a:rPr lang="en-GB"/>
              <a:t> das Design so </a:t>
            </a:r>
            <a:r>
              <a:rPr lang="en-GB" err="1"/>
              <a:t>einfach</a:t>
            </a:r>
            <a:r>
              <a:rPr lang="en-GB"/>
              <a:t> </a:t>
            </a:r>
            <a:r>
              <a:rPr lang="en-GB" err="1"/>
              <a:t>wie</a:t>
            </a:r>
            <a:r>
              <a:rPr lang="en-GB"/>
              <a:t> </a:t>
            </a:r>
            <a:r>
              <a:rPr lang="en-GB" err="1"/>
              <a:t>möglich</a:t>
            </a:r>
            <a:r>
              <a:rPr lang="en-GB"/>
              <a:t> sein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Große</a:t>
            </a:r>
            <a:r>
              <a:rPr lang="en-GB"/>
              <a:t> </a:t>
            </a:r>
            <a:r>
              <a:rPr lang="en-GB" err="1"/>
              <a:t>Anpassungen</a:t>
            </a:r>
            <a:r>
              <a:rPr lang="en-GB"/>
              <a:t> </a:t>
            </a:r>
            <a:r>
              <a:rPr lang="en-GB" err="1"/>
              <a:t>sind</a:t>
            </a:r>
            <a:r>
              <a:rPr lang="en-GB"/>
              <a:t> </a:t>
            </a:r>
            <a:r>
              <a:rPr lang="en-GB" err="1"/>
              <a:t>nicht</a:t>
            </a:r>
            <a:r>
              <a:rPr lang="en-GB"/>
              <a:t> </a:t>
            </a:r>
            <a:r>
              <a:rPr lang="en-GB" err="1"/>
              <a:t>nötig</a:t>
            </a:r>
            <a:r>
              <a:rPr lang="en-GB"/>
              <a:t> </a:t>
            </a:r>
            <a:r>
              <a:rPr lang="en-GB" err="1"/>
              <a:t>bzw</a:t>
            </a:r>
            <a:r>
              <a:rPr lang="en-GB"/>
              <a:t>. </a:t>
            </a:r>
            <a:r>
              <a:rPr lang="en-GB" err="1"/>
              <a:t>müssen</a:t>
            </a:r>
            <a:r>
              <a:rPr lang="en-GB"/>
              <a:t> </a:t>
            </a:r>
            <a:r>
              <a:rPr lang="en-GB" err="1"/>
              <a:t>nicht</a:t>
            </a:r>
            <a:r>
              <a:rPr lang="en-GB"/>
              <a:t> </a:t>
            </a:r>
            <a:r>
              <a:rPr lang="en-GB" err="1"/>
              <a:t>möglich</a:t>
            </a:r>
            <a:r>
              <a:rPr lang="en-GB"/>
              <a:t> sein.</a:t>
            </a: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3.2) Frontend</a:t>
            </a:r>
          </a:p>
        </p:txBody>
      </p:sp>
    </p:spTree>
    <p:extLst>
      <p:ext uri="{BB962C8B-B14F-4D97-AF65-F5344CB8AC3E}">
        <p14:creationId xmlns:p14="http://schemas.microsoft.com/office/powerpoint/2010/main" val="333104611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as Hosting für Telegram-Bots </a:t>
            </a:r>
            <a:r>
              <a:rPr lang="en-GB" err="1"/>
              <a:t>ist</a:t>
            </a:r>
            <a:r>
              <a:rPr lang="en-GB"/>
              <a:t> auf AWS </a:t>
            </a:r>
            <a:r>
              <a:rPr lang="en-GB" err="1"/>
              <a:t>geplant</a:t>
            </a:r>
            <a:r>
              <a:rPr lang="en-GB"/>
              <a:t>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ort </a:t>
            </a:r>
            <a:r>
              <a:rPr lang="en-GB" err="1"/>
              <a:t>gibt</a:t>
            </a:r>
            <a:r>
              <a:rPr lang="en-GB"/>
              <a:t> es </a:t>
            </a:r>
            <a:r>
              <a:rPr lang="en-GB" err="1"/>
              <a:t>zum</a:t>
            </a:r>
            <a:r>
              <a:rPr lang="en-GB"/>
              <a:t> </a:t>
            </a:r>
            <a:r>
              <a:rPr lang="en-GB" err="1"/>
              <a:t>Hosten</a:t>
            </a:r>
            <a:r>
              <a:rPr lang="en-GB"/>
              <a:t>, </a:t>
            </a:r>
            <a:r>
              <a:rPr lang="en-GB" err="1"/>
              <a:t>zum</a:t>
            </a:r>
            <a:r>
              <a:rPr lang="en-GB"/>
              <a:t> </a:t>
            </a:r>
            <a:r>
              <a:rPr lang="en-GB" err="1"/>
              <a:t>Loggen</a:t>
            </a:r>
            <a:r>
              <a:rPr lang="en-GB"/>
              <a:t> und </a:t>
            </a:r>
            <a:r>
              <a:rPr lang="en-GB" err="1"/>
              <a:t>zum</a:t>
            </a:r>
            <a:r>
              <a:rPr lang="en-GB"/>
              <a:t> </a:t>
            </a:r>
            <a:r>
              <a:rPr lang="en-GB" err="1"/>
              <a:t>Überwachen</a:t>
            </a:r>
            <a:r>
              <a:rPr lang="en-GB"/>
              <a:t>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Vielzahl</a:t>
            </a:r>
            <a:r>
              <a:rPr lang="en-GB"/>
              <a:t> von Apps, die </a:t>
            </a:r>
            <a:r>
              <a:rPr lang="en-GB" err="1"/>
              <a:t>effizient</a:t>
            </a:r>
            <a:r>
              <a:rPr lang="en-GB"/>
              <a:t> die </a:t>
            </a:r>
            <a:r>
              <a:rPr lang="en-GB" err="1"/>
              <a:t>Arbeitsschritte</a:t>
            </a:r>
            <a:r>
              <a:rPr lang="en-GB"/>
              <a:t> </a:t>
            </a:r>
            <a:r>
              <a:rPr lang="en-GB" err="1"/>
              <a:t>erleichtern</a:t>
            </a:r>
            <a:r>
              <a:rPr lang="en-GB"/>
              <a:t>.</a:t>
            </a: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3.3) Hosting &amp; 3.4) Datenbank</a:t>
            </a:r>
          </a:p>
        </p:txBody>
      </p:sp>
    </p:spTree>
    <p:extLst>
      <p:ext uri="{BB962C8B-B14F-4D97-AF65-F5344CB8AC3E}">
        <p14:creationId xmlns:p14="http://schemas.microsoft.com/office/powerpoint/2010/main" val="118450990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3.5) Architektur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3837A8F-0C43-8DD2-2775-91D76E3CBC0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75706" y="4358424"/>
            <a:ext cx="1785627" cy="1785627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C160BCB-D7E6-2F7B-D430-84958898E85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88933" y="4358424"/>
            <a:ext cx="1785627" cy="1785627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E350FB09-F1B6-8449-D868-DC993CFE0EE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37257" y="4302570"/>
            <a:ext cx="1845148" cy="1845148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46A5361E-D154-8A63-8A42-E90B5173F78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93856" y="4048101"/>
            <a:ext cx="1845147" cy="1845147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BB27734F-8E46-6674-9CFD-0F419FC7CFD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538442" y="688666"/>
            <a:ext cx="2555977" cy="2555977"/>
          </a:xfrm>
          <a:prstGeom prst="rect">
            <a:avLst/>
          </a:prstGeom>
        </p:spPr>
      </p:pic>
      <p:pic>
        <p:nvPicPr>
          <p:cNvPr id="14" name="Picture 2">
            <a:extLst>
              <a:ext uri="{FF2B5EF4-FFF2-40B4-BE49-F238E27FC236}">
                <a16:creationId xmlns:a16="http://schemas.microsoft.com/office/drawing/2014/main" id="{768B9347-0168-FD49-1519-964901ADE82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77842" y="1649002"/>
            <a:ext cx="1595641" cy="15956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A35F2DC4-E771-6909-E947-C71BB3123026}"/>
              </a:ext>
            </a:extLst>
          </p:cNvPr>
          <p:cNvSpPr txBox="1"/>
          <p:nvPr/>
        </p:nvSpPr>
        <p:spPr>
          <a:xfrm>
            <a:off x="3165769" y="2438108"/>
            <a:ext cx="940963" cy="67710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4400" b="1" kern="0">
                <a:ea typeface="Arial Unicode MS" pitchFamily="34" charset="-128"/>
                <a:cs typeface="Arial Unicode MS" pitchFamily="34" charset="-128"/>
              </a:rPr>
              <a:t>API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19A6B989-259E-7861-98C8-103E880B47A5}"/>
              </a:ext>
            </a:extLst>
          </p:cNvPr>
          <p:cNvCxnSpPr>
            <a:cxnSpLocks/>
            <a:stCxn id="11" idx="0"/>
          </p:cNvCxnSpPr>
          <p:nvPr/>
        </p:nvCxnSpPr>
        <p:spPr>
          <a:xfrm flipV="1">
            <a:off x="1759831" y="3336359"/>
            <a:ext cx="546072" cy="966211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15BADC8B-4165-6131-E032-0B03120E7CEE}"/>
              </a:ext>
            </a:extLst>
          </p:cNvPr>
          <p:cNvCxnSpPr>
            <a:cxnSpLocks/>
          </p:cNvCxnSpPr>
          <p:nvPr/>
        </p:nvCxnSpPr>
        <p:spPr>
          <a:xfrm flipH="1" flipV="1">
            <a:off x="2903443" y="3429000"/>
            <a:ext cx="135048" cy="783011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161FBA3A-7AE3-0B70-900F-07155D7E6EB3}"/>
              </a:ext>
            </a:extLst>
          </p:cNvPr>
          <p:cNvCxnSpPr>
            <a:cxnSpLocks/>
            <a:stCxn id="9" idx="0"/>
          </p:cNvCxnSpPr>
          <p:nvPr/>
        </p:nvCxnSpPr>
        <p:spPr>
          <a:xfrm flipH="1" flipV="1">
            <a:off x="3479941" y="3225787"/>
            <a:ext cx="988579" cy="1132637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7EB09ABB-88EC-FD0E-5401-12CBBDC54A91}"/>
              </a:ext>
            </a:extLst>
          </p:cNvPr>
          <p:cNvCxnSpPr>
            <a:cxnSpLocks/>
            <a:stCxn id="25" idx="3"/>
          </p:cNvCxnSpPr>
          <p:nvPr/>
        </p:nvCxnSpPr>
        <p:spPr>
          <a:xfrm>
            <a:off x="7599181" y="2495496"/>
            <a:ext cx="1390440" cy="281166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1B32645-7591-3994-23E5-81C037F75143}"/>
              </a:ext>
            </a:extLst>
          </p:cNvPr>
          <p:cNvCxnSpPr>
            <a:cxnSpLocks/>
            <a:stCxn id="25" idx="3"/>
          </p:cNvCxnSpPr>
          <p:nvPr/>
        </p:nvCxnSpPr>
        <p:spPr>
          <a:xfrm>
            <a:off x="7599181" y="2495496"/>
            <a:ext cx="1294675" cy="2159631"/>
          </a:xfrm>
          <a:prstGeom prst="straightConnector1">
            <a:avLst/>
          </a:prstGeom>
          <a:ln w="5715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B55E773C-CA02-371C-F348-4C8474185B6F}"/>
              </a:ext>
            </a:extLst>
          </p:cNvPr>
          <p:cNvSpPr txBox="1"/>
          <p:nvPr/>
        </p:nvSpPr>
        <p:spPr>
          <a:xfrm>
            <a:off x="2040725" y="6199905"/>
            <a:ext cx="183383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Endnutzer-Device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96FD88EA-E06A-2353-7683-559616DCBE45}"/>
              </a:ext>
            </a:extLst>
          </p:cNvPr>
          <p:cNvSpPr txBox="1"/>
          <p:nvPr/>
        </p:nvSpPr>
        <p:spPr>
          <a:xfrm>
            <a:off x="8508675" y="5754748"/>
            <a:ext cx="256480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Datenbank mit allen Bots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3C66ABF5-49B0-9277-C00C-F9EB42430349}"/>
              </a:ext>
            </a:extLst>
          </p:cNvPr>
          <p:cNvSpPr txBox="1"/>
          <p:nvPr/>
        </p:nvSpPr>
        <p:spPr>
          <a:xfrm>
            <a:off x="9156684" y="3336359"/>
            <a:ext cx="2115964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Microservices (APIs)</a:t>
            </a:r>
            <a:br>
              <a:rPr lang="en-DE" sz="1800" kern="0">
                <a:ea typeface="Arial Unicode MS" pitchFamily="34" charset="-128"/>
                <a:cs typeface="Arial Unicode MS" pitchFamily="34" charset="-128"/>
              </a:rPr>
            </a:b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 mit Daten</a:t>
            </a:r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0EAFB148-7AB6-076B-E163-B6A66FBF6870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422756" y="1407283"/>
            <a:ext cx="2176425" cy="2176425"/>
          </a:xfrm>
          <a:prstGeom prst="rect">
            <a:avLst/>
          </a:prstGeom>
        </p:spPr>
      </p:pic>
      <p:sp>
        <p:nvSpPr>
          <p:cNvPr id="28" name="TextBox 27">
            <a:extLst>
              <a:ext uri="{FF2B5EF4-FFF2-40B4-BE49-F238E27FC236}">
                <a16:creationId xmlns:a16="http://schemas.microsoft.com/office/drawing/2014/main" id="{1C83EC1C-0F53-07A0-786B-87F28FC34A1F}"/>
              </a:ext>
            </a:extLst>
          </p:cNvPr>
          <p:cNvSpPr txBox="1"/>
          <p:nvPr/>
        </p:nvSpPr>
        <p:spPr>
          <a:xfrm>
            <a:off x="5606875" y="3474858"/>
            <a:ext cx="1808187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Hauptanwendung</a:t>
            </a:r>
          </a:p>
        </p:txBody>
      </p: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69AFDED5-CACF-7269-8D73-E269811628D1}"/>
              </a:ext>
            </a:extLst>
          </p:cNvPr>
          <p:cNvCxnSpPr>
            <a:cxnSpLocks/>
          </p:cNvCxnSpPr>
          <p:nvPr/>
        </p:nvCxnSpPr>
        <p:spPr>
          <a:xfrm>
            <a:off x="3874560" y="2233749"/>
            <a:ext cx="1486773" cy="0"/>
          </a:xfrm>
          <a:prstGeom prst="straightConnector1">
            <a:avLst/>
          </a:prstGeom>
          <a:ln w="57150">
            <a:solidFill>
              <a:schemeClr val="tx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9721160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ie </a:t>
            </a:r>
            <a:r>
              <a:rPr lang="en-GB" err="1"/>
              <a:t>Daten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 relational in </a:t>
            </a:r>
            <a:r>
              <a:rPr lang="en-GB" err="1"/>
              <a:t>Datenbanken</a:t>
            </a:r>
            <a:r>
              <a:rPr lang="en-GB"/>
              <a:t> </a:t>
            </a:r>
            <a:r>
              <a:rPr lang="en-GB" err="1"/>
              <a:t>gespeichert</a:t>
            </a:r>
            <a:r>
              <a:rPr lang="en-GB"/>
              <a:t>. </a:t>
            </a:r>
            <a:r>
              <a:rPr lang="en-GB" err="1"/>
              <a:t>Diese</a:t>
            </a:r>
            <a:r>
              <a:rPr lang="en-GB"/>
              <a:t> </a:t>
            </a:r>
            <a:r>
              <a:rPr lang="en-GB" err="1"/>
              <a:t>sind</a:t>
            </a:r>
            <a:r>
              <a:rPr lang="en-GB"/>
              <a:t> in </a:t>
            </a:r>
            <a:r>
              <a:rPr lang="en-GB" err="1"/>
              <a:t>Tabellen</a:t>
            </a:r>
            <a:r>
              <a:rPr lang="en-GB"/>
              <a:t> </a:t>
            </a:r>
            <a:r>
              <a:rPr lang="en-GB" err="1"/>
              <a:t>verfügbar</a:t>
            </a:r>
            <a:r>
              <a:rPr lang="en-GB"/>
              <a:t> und </a:t>
            </a:r>
            <a:r>
              <a:rPr lang="en-GB" err="1"/>
              <a:t>können</a:t>
            </a:r>
            <a:r>
              <a:rPr lang="en-GB"/>
              <a:t> </a:t>
            </a:r>
            <a:r>
              <a:rPr lang="en-GB" err="1"/>
              <a:t>über</a:t>
            </a:r>
            <a:r>
              <a:rPr lang="en-GB"/>
              <a:t> SQL </a:t>
            </a:r>
            <a:r>
              <a:rPr lang="en-GB" err="1"/>
              <a:t>ausgelesen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Es </a:t>
            </a:r>
            <a:r>
              <a:rPr lang="en-GB" err="1"/>
              <a:t>sind</a:t>
            </a:r>
            <a:r>
              <a:rPr lang="en-GB"/>
              <a:t> pro Shop </a:t>
            </a:r>
            <a:r>
              <a:rPr lang="en-GB" err="1"/>
              <a:t>im</a:t>
            </a:r>
            <a:r>
              <a:rPr lang="en-GB"/>
              <a:t> </a:t>
            </a:r>
            <a:r>
              <a:rPr lang="en-GB" err="1"/>
              <a:t>Schnitt</a:t>
            </a:r>
            <a:r>
              <a:rPr lang="en-GB"/>
              <a:t> 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1.000-10.000 </a:t>
            </a:r>
            <a:r>
              <a:rPr lang="en-GB" err="1"/>
              <a:t>Datensätze</a:t>
            </a:r>
            <a:r>
              <a:rPr lang="en-GB"/>
              <a:t>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Bestellungen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500-5.000 </a:t>
            </a:r>
            <a:r>
              <a:rPr lang="en-GB" err="1"/>
              <a:t>Datensätze</a:t>
            </a:r>
            <a:r>
              <a:rPr lang="en-GB"/>
              <a:t>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Profilen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 err="1"/>
              <a:t>Datensätze</a:t>
            </a:r>
            <a:r>
              <a:rPr lang="en-GB"/>
              <a:t> für 20-100 </a:t>
            </a:r>
            <a:r>
              <a:rPr lang="en-GB" err="1"/>
              <a:t>Produkte</a:t>
            </a:r>
            <a:r>
              <a:rPr lang="en-GB"/>
              <a:t> und </a:t>
            </a:r>
            <a:r>
              <a:rPr lang="en-GB" err="1"/>
              <a:t>deren</a:t>
            </a:r>
            <a:r>
              <a:rPr lang="en-GB"/>
              <a:t> </a:t>
            </a:r>
            <a:r>
              <a:rPr lang="en-GB" err="1"/>
              <a:t>verfügbarkein</a:t>
            </a:r>
            <a:r>
              <a:rPr lang="en-GB"/>
              <a:t>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erwarten</a:t>
            </a:r>
            <a:r>
              <a:rPr lang="en-GB"/>
              <a:t>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In den </a:t>
            </a:r>
            <a:r>
              <a:rPr lang="en-GB" err="1"/>
              <a:t>ersten</a:t>
            </a:r>
            <a:r>
              <a:rPr lang="en-GB"/>
              <a:t> Jahren </a:t>
            </a:r>
            <a:r>
              <a:rPr lang="en-GB" err="1"/>
              <a:t>sind</a:t>
            </a:r>
            <a:r>
              <a:rPr lang="en-GB"/>
              <a:t> </a:t>
            </a:r>
            <a:r>
              <a:rPr lang="en-GB" err="1"/>
              <a:t>Kapazitäten</a:t>
            </a:r>
            <a:r>
              <a:rPr lang="en-GB"/>
              <a:t> für bis </a:t>
            </a:r>
            <a:r>
              <a:rPr lang="en-GB" err="1"/>
              <a:t>zu</a:t>
            </a:r>
            <a:r>
              <a:rPr lang="en-GB"/>
              <a:t> 10.000 Shops </a:t>
            </a:r>
            <a:r>
              <a:rPr lang="en-GB" err="1"/>
              <a:t>geplant</a:t>
            </a:r>
            <a:r>
              <a:rPr lang="en-GB"/>
              <a:t>. Die </a:t>
            </a:r>
            <a:r>
              <a:rPr lang="en-GB" err="1"/>
              <a:t>Daten</a:t>
            </a:r>
            <a:r>
              <a:rPr lang="en-GB"/>
              <a:t> </a:t>
            </a:r>
            <a:r>
              <a:rPr lang="en-GB" err="1"/>
              <a:t>müssen</a:t>
            </a:r>
            <a:r>
              <a:rPr lang="en-GB"/>
              <a:t> </a:t>
            </a:r>
            <a:r>
              <a:rPr lang="en-GB" err="1"/>
              <a:t>mindestens</a:t>
            </a:r>
            <a:r>
              <a:rPr lang="en-GB"/>
              <a:t> so </a:t>
            </a:r>
            <a:r>
              <a:rPr lang="en-GB" err="1"/>
              <a:t>lange</a:t>
            </a:r>
            <a:r>
              <a:rPr lang="en-GB"/>
              <a:t> </a:t>
            </a:r>
            <a:r>
              <a:rPr lang="en-GB" err="1"/>
              <a:t>gehalten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, </a:t>
            </a:r>
            <a:r>
              <a:rPr lang="en-GB" err="1"/>
              <a:t>wie</a:t>
            </a:r>
            <a:r>
              <a:rPr lang="en-GB"/>
              <a:t> </a:t>
            </a:r>
            <a:r>
              <a:rPr lang="en-GB" err="1"/>
              <a:t>nach</a:t>
            </a:r>
            <a:r>
              <a:rPr lang="en-GB"/>
              <a:t> </a:t>
            </a:r>
            <a:r>
              <a:rPr lang="en-GB" err="1"/>
              <a:t>Gesetzt</a:t>
            </a:r>
            <a:r>
              <a:rPr lang="en-GB"/>
              <a:t> für </a:t>
            </a:r>
            <a:r>
              <a:rPr lang="en-GB" err="1"/>
              <a:t>zB</a:t>
            </a:r>
            <a:r>
              <a:rPr lang="en-GB"/>
              <a:t>. </a:t>
            </a:r>
            <a:r>
              <a:rPr lang="en-GB" err="1"/>
              <a:t>Buchhaltung</a:t>
            </a:r>
            <a:r>
              <a:rPr lang="en-GB"/>
              <a:t> </a:t>
            </a:r>
            <a:r>
              <a:rPr lang="en-GB" err="1"/>
              <a:t>vorgeschrieben</a:t>
            </a:r>
            <a:r>
              <a:rPr lang="en-GB"/>
              <a:t> </a:t>
            </a:r>
            <a:r>
              <a:rPr lang="en-GB" err="1"/>
              <a:t>ist</a:t>
            </a:r>
            <a:r>
              <a:rPr lang="en-GB"/>
              <a:t>. </a:t>
            </a: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4) Daten</a:t>
            </a:r>
          </a:p>
        </p:txBody>
      </p:sp>
    </p:spTree>
    <p:extLst>
      <p:ext uri="{BB962C8B-B14F-4D97-AF65-F5344CB8AC3E}">
        <p14:creationId xmlns:p14="http://schemas.microsoft.com/office/powerpoint/2010/main" val="50339934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ie </a:t>
            </a:r>
            <a:r>
              <a:rPr lang="en-GB" err="1"/>
              <a:t>Benutzeroberfläche</a:t>
            </a:r>
            <a:r>
              <a:rPr lang="en-GB"/>
              <a:t> für die </a:t>
            </a:r>
            <a:r>
              <a:rPr lang="en-GB" err="1"/>
              <a:t>Hauptanwendung</a:t>
            </a:r>
            <a:r>
              <a:rPr lang="en-GB"/>
              <a:t> </a:t>
            </a:r>
            <a:r>
              <a:rPr lang="en-GB" err="1"/>
              <a:t>ist</a:t>
            </a:r>
            <a:r>
              <a:rPr lang="en-GB"/>
              <a:t> das Chat-Fenster von Telegram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ort </a:t>
            </a:r>
            <a:r>
              <a:rPr lang="en-GB" err="1"/>
              <a:t>kann</a:t>
            </a:r>
            <a:r>
              <a:rPr lang="en-GB"/>
              <a:t> </a:t>
            </a:r>
            <a:r>
              <a:rPr lang="en-GB" err="1"/>
              <a:t>mit</a:t>
            </a:r>
            <a:r>
              <a:rPr lang="en-GB"/>
              <a:t> </a:t>
            </a:r>
            <a:r>
              <a:rPr lang="en-GB" err="1"/>
              <a:t>Bildern</a:t>
            </a:r>
            <a:r>
              <a:rPr lang="en-GB"/>
              <a:t> und </a:t>
            </a:r>
            <a:r>
              <a:rPr lang="en-GB" err="1"/>
              <a:t>Dialogfenstern</a:t>
            </a:r>
            <a:r>
              <a:rPr lang="en-GB"/>
              <a:t> die </a:t>
            </a:r>
            <a:r>
              <a:rPr lang="en-GB" err="1"/>
              <a:t>Applikation</a:t>
            </a:r>
            <a:r>
              <a:rPr lang="en-GB"/>
              <a:t> </a:t>
            </a:r>
            <a:r>
              <a:rPr lang="en-GB" err="1"/>
              <a:t>gesteuert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Diese</a:t>
            </a:r>
            <a:r>
              <a:rPr lang="en-GB"/>
              <a:t> </a:t>
            </a:r>
            <a:r>
              <a:rPr lang="en-GB" err="1"/>
              <a:t>Bilder</a:t>
            </a:r>
            <a:r>
              <a:rPr lang="en-GB"/>
              <a:t> und das Design der </a:t>
            </a:r>
            <a:r>
              <a:rPr lang="en-GB" err="1"/>
              <a:t>Dialoge</a:t>
            </a:r>
            <a:r>
              <a:rPr lang="en-GB"/>
              <a:t>, </a:t>
            </a:r>
            <a:r>
              <a:rPr lang="en-GB" err="1"/>
              <a:t>Nachrichten</a:t>
            </a:r>
            <a:r>
              <a:rPr lang="en-GB"/>
              <a:t> und Popups </a:t>
            </a:r>
            <a:r>
              <a:rPr lang="en-GB" err="1"/>
              <a:t>sollen</a:t>
            </a:r>
            <a:r>
              <a:rPr lang="en-GB"/>
              <a:t> </a:t>
            </a:r>
            <a:r>
              <a:rPr lang="en-GB" err="1"/>
              <a:t>intuitiv</a:t>
            </a:r>
            <a:r>
              <a:rPr lang="en-GB"/>
              <a:t> und </a:t>
            </a:r>
            <a:r>
              <a:rPr lang="en-GB" err="1"/>
              <a:t>einfach</a:t>
            </a:r>
            <a:r>
              <a:rPr lang="en-GB"/>
              <a:t> sein, </a:t>
            </a:r>
            <a:r>
              <a:rPr lang="en-GB" err="1"/>
              <a:t>nicht</a:t>
            </a:r>
            <a:r>
              <a:rPr lang="en-GB"/>
              <a:t>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sehr</a:t>
            </a:r>
            <a:r>
              <a:rPr lang="en-GB"/>
              <a:t> </a:t>
            </a:r>
            <a:r>
              <a:rPr lang="en-GB" err="1"/>
              <a:t>rausstechen</a:t>
            </a:r>
            <a:r>
              <a:rPr lang="en-GB"/>
              <a:t> und </a:t>
            </a:r>
            <a:r>
              <a:rPr lang="en-GB" err="1"/>
              <a:t>schlicht</a:t>
            </a:r>
            <a:r>
              <a:rPr lang="en-GB"/>
              <a:t> sein. </a:t>
            </a: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5) Benutzeroberfläche</a:t>
            </a:r>
          </a:p>
        </p:txBody>
      </p:sp>
    </p:spTree>
    <p:extLst>
      <p:ext uri="{BB962C8B-B14F-4D97-AF65-F5344CB8AC3E}">
        <p14:creationId xmlns:p14="http://schemas.microsoft.com/office/powerpoint/2010/main" val="66126324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ie </a:t>
            </a:r>
            <a:r>
              <a:rPr lang="en-GB" err="1"/>
              <a:t>Anwendung</a:t>
            </a:r>
            <a:r>
              <a:rPr lang="en-GB"/>
              <a:t> </a:t>
            </a:r>
            <a:r>
              <a:rPr lang="en-GB" err="1"/>
              <a:t>soll</a:t>
            </a:r>
            <a:r>
              <a:rPr lang="en-GB"/>
              <a:t> </a:t>
            </a:r>
            <a:r>
              <a:rPr lang="en-GB" err="1"/>
              <a:t>qualitätativ</a:t>
            </a:r>
            <a:r>
              <a:rPr lang="en-GB"/>
              <a:t> </a:t>
            </a:r>
            <a:r>
              <a:rPr lang="en-GB" err="1"/>
              <a:t>hochwertig</a:t>
            </a:r>
            <a:r>
              <a:rPr lang="en-GB"/>
              <a:t> sein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ie </a:t>
            </a:r>
            <a:r>
              <a:rPr lang="en-GB" err="1"/>
              <a:t>Anwendung</a:t>
            </a:r>
            <a:r>
              <a:rPr lang="en-GB"/>
              <a:t> </a:t>
            </a:r>
            <a:r>
              <a:rPr lang="en-GB" err="1"/>
              <a:t>soll</a:t>
            </a:r>
            <a:r>
              <a:rPr lang="en-GB"/>
              <a:t> so </a:t>
            </a:r>
            <a:r>
              <a:rPr lang="en-GB" err="1"/>
              <a:t>implementiert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, </a:t>
            </a:r>
            <a:r>
              <a:rPr lang="en-GB" err="1"/>
              <a:t>dass</a:t>
            </a:r>
            <a:r>
              <a:rPr lang="en-GB"/>
              <a:t> </a:t>
            </a:r>
            <a:r>
              <a:rPr lang="en-GB" err="1"/>
              <a:t>sie</a:t>
            </a:r>
            <a:r>
              <a:rPr lang="en-GB"/>
              <a:t>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minimale</a:t>
            </a:r>
            <a:r>
              <a:rPr lang="en-GB"/>
              <a:t> </a:t>
            </a:r>
            <a:r>
              <a:rPr lang="en-GB" err="1"/>
              <a:t>Ausfall</a:t>
            </a:r>
            <a:r>
              <a:rPr lang="en-GB"/>
              <a:t>- und </a:t>
            </a:r>
            <a:r>
              <a:rPr lang="en-GB" err="1"/>
              <a:t>Absturzquote</a:t>
            </a:r>
            <a:r>
              <a:rPr lang="en-GB"/>
              <a:t> hat, </a:t>
            </a:r>
            <a:r>
              <a:rPr lang="en-GB" err="1"/>
              <a:t>damit</a:t>
            </a:r>
            <a:r>
              <a:rPr lang="en-GB"/>
              <a:t> der </a:t>
            </a:r>
            <a:r>
              <a:rPr lang="en-GB" err="1"/>
              <a:t>Enduser</a:t>
            </a:r>
            <a:r>
              <a:rPr lang="en-GB"/>
              <a:t> </a:t>
            </a:r>
            <a:r>
              <a:rPr lang="en-GB" err="1"/>
              <a:t>keine</a:t>
            </a:r>
            <a:r>
              <a:rPr lang="en-GB"/>
              <a:t> </a:t>
            </a:r>
            <a:r>
              <a:rPr lang="en-GB" err="1"/>
              <a:t>Probleme</a:t>
            </a:r>
            <a:r>
              <a:rPr lang="en-GB"/>
              <a:t> </a:t>
            </a:r>
            <a:r>
              <a:rPr lang="en-GB" err="1"/>
              <a:t>mit</a:t>
            </a:r>
            <a:r>
              <a:rPr lang="en-GB"/>
              <a:t> der </a:t>
            </a:r>
            <a:r>
              <a:rPr lang="en-GB" err="1"/>
              <a:t>Anwendung</a:t>
            </a:r>
            <a:r>
              <a:rPr lang="en-GB"/>
              <a:t> </a:t>
            </a:r>
            <a:r>
              <a:rPr lang="en-GB" err="1"/>
              <a:t>bekommt</a:t>
            </a:r>
            <a:r>
              <a:rPr lang="en-GB"/>
              <a:t>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/>
              <a:t>Das Design </a:t>
            </a:r>
            <a:r>
              <a:rPr lang="en-GB" err="1"/>
              <a:t>soll</a:t>
            </a:r>
            <a:r>
              <a:rPr lang="en-GB"/>
              <a:t> so </a:t>
            </a:r>
            <a:r>
              <a:rPr lang="en-GB" err="1"/>
              <a:t>intuitiv</a:t>
            </a:r>
            <a:r>
              <a:rPr lang="en-GB"/>
              <a:t> und </a:t>
            </a:r>
            <a:r>
              <a:rPr lang="en-GB" err="1"/>
              <a:t>objektiv</a:t>
            </a:r>
            <a:r>
              <a:rPr lang="en-GB"/>
              <a:t> </a:t>
            </a:r>
            <a:r>
              <a:rPr lang="en-GB" err="1"/>
              <a:t>schön</a:t>
            </a:r>
            <a:r>
              <a:rPr lang="en-GB"/>
              <a:t> </a:t>
            </a:r>
            <a:r>
              <a:rPr lang="en-GB" err="1"/>
              <a:t>wie</a:t>
            </a:r>
            <a:r>
              <a:rPr lang="en-GB"/>
              <a:t> </a:t>
            </a:r>
            <a:r>
              <a:rPr lang="en-GB" err="1"/>
              <a:t>möglich</a:t>
            </a:r>
            <a:r>
              <a:rPr lang="en-GB"/>
              <a:t> </a:t>
            </a:r>
            <a:r>
              <a:rPr lang="en-GB" err="1"/>
              <a:t>gehalten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der </a:t>
            </a:r>
            <a:r>
              <a:rPr lang="en-GB" err="1"/>
              <a:t>Enduser</a:t>
            </a:r>
            <a:r>
              <a:rPr lang="en-GB"/>
              <a:t> die </a:t>
            </a:r>
            <a:r>
              <a:rPr lang="en-GB" err="1"/>
              <a:t>Applikation</a:t>
            </a:r>
            <a:r>
              <a:rPr lang="en-GB"/>
              <a:t> </a:t>
            </a:r>
            <a:r>
              <a:rPr lang="en-GB" err="1"/>
              <a:t>nicht</a:t>
            </a:r>
            <a:r>
              <a:rPr lang="en-GB"/>
              <a:t> </a:t>
            </a:r>
            <a:r>
              <a:rPr lang="en-GB" err="1"/>
              <a:t>hässlich</a:t>
            </a:r>
            <a:r>
              <a:rPr lang="en-GB"/>
              <a:t> </a:t>
            </a:r>
            <a:r>
              <a:rPr lang="en-GB" err="1"/>
              <a:t>findet</a:t>
            </a:r>
            <a:r>
              <a:rPr lang="en-GB"/>
              <a:t>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Außerdem</a:t>
            </a:r>
            <a:r>
              <a:rPr lang="en-GB"/>
              <a:t> </a:t>
            </a:r>
            <a:r>
              <a:rPr lang="en-GB" err="1"/>
              <a:t>soll</a:t>
            </a:r>
            <a:r>
              <a:rPr lang="en-GB"/>
              <a:t> der Code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gewisse</a:t>
            </a:r>
            <a:r>
              <a:rPr lang="en-GB"/>
              <a:t> </a:t>
            </a:r>
            <a:r>
              <a:rPr lang="en-GB" err="1"/>
              <a:t>Qualität</a:t>
            </a:r>
            <a:r>
              <a:rPr lang="en-GB"/>
              <a:t> </a:t>
            </a:r>
            <a:r>
              <a:rPr lang="en-GB" err="1"/>
              <a:t>aufweisen</a:t>
            </a:r>
            <a:r>
              <a:rPr lang="en-GB"/>
              <a:t>, dies </a:t>
            </a:r>
            <a:r>
              <a:rPr lang="en-GB" err="1"/>
              <a:t>wird</a:t>
            </a:r>
            <a:r>
              <a:rPr lang="en-GB"/>
              <a:t> </a:t>
            </a:r>
            <a:r>
              <a:rPr lang="en-GB" err="1"/>
              <a:t>durch</a:t>
            </a:r>
            <a:r>
              <a:rPr lang="en-GB"/>
              <a:t> Code Testing </a:t>
            </a:r>
            <a:r>
              <a:rPr lang="en-GB" err="1"/>
              <a:t>mit</a:t>
            </a:r>
            <a:r>
              <a:rPr lang="en-GB"/>
              <a:t> </a:t>
            </a:r>
            <a:r>
              <a:rPr lang="en-GB" err="1"/>
              <a:t>einer</a:t>
            </a:r>
            <a:r>
              <a:rPr lang="en-GB"/>
              <a:t> </a:t>
            </a:r>
            <a:r>
              <a:rPr lang="en-GB" err="1"/>
              <a:t>maximalen</a:t>
            </a:r>
            <a:r>
              <a:rPr lang="en-GB"/>
              <a:t> Coverage </a:t>
            </a:r>
            <a:r>
              <a:rPr lang="en-GB" err="1"/>
              <a:t>sichergestellt</a:t>
            </a:r>
            <a:r>
              <a:rPr lang="en-GB"/>
              <a:t>.</a:t>
            </a: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6) Q</a:t>
            </a:r>
            <a:r>
              <a:rPr lang="en-GB" sz="1800"/>
              <a:t>u</a:t>
            </a:r>
            <a:r>
              <a:rPr lang="en-DE" sz="1800"/>
              <a:t>alität</a:t>
            </a:r>
          </a:p>
        </p:txBody>
      </p:sp>
    </p:spTree>
    <p:extLst>
      <p:ext uri="{BB962C8B-B14F-4D97-AF65-F5344CB8AC3E}">
        <p14:creationId xmlns:p14="http://schemas.microsoft.com/office/powerpoint/2010/main" val="115594809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/>
              <a:t>Als Admin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ohne</a:t>
            </a:r>
            <a:r>
              <a:rPr lang="en-GB"/>
              <a:t> </a:t>
            </a:r>
            <a:r>
              <a:rPr lang="en-GB" err="1"/>
              <a:t>Schwierigkeiten</a:t>
            </a:r>
            <a:r>
              <a:rPr lang="en-GB"/>
              <a:t>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Übersicht</a:t>
            </a:r>
            <a:r>
              <a:rPr lang="en-GB"/>
              <a:t> von </a:t>
            </a:r>
            <a:r>
              <a:rPr lang="en-GB" err="1"/>
              <a:t>angelegten</a:t>
            </a:r>
            <a:r>
              <a:rPr lang="en-GB"/>
              <a:t> Shop </a:t>
            </a:r>
            <a:r>
              <a:rPr lang="en-GB" err="1"/>
              <a:t>hab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man </a:t>
            </a:r>
            <a:r>
              <a:rPr lang="en-GB" err="1"/>
              <a:t>einen</a:t>
            </a:r>
            <a:r>
              <a:rPr lang="en-GB"/>
              <a:t> </a:t>
            </a:r>
            <a:r>
              <a:rPr lang="en-GB" err="1"/>
              <a:t>Überblick</a:t>
            </a:r>
            <a:r>
              <a:rPr lang="en-GB"/>
              <a:t> </a:t>
            </a:r>
            <a:r>
              <a:rPr lang="en-GB" err="1"/>
              <a:t>behält</a:t>
            </a:r>
            <a:r>
              <a:rPr lang="en-GB"/>
              <a:t>.</a:t>
            </a:r>
          </a:p>
          <a:p>
            <a:r>
              <a:rPr lang="en-GB"/>
              <a:t>Als Admin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seh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ob</a:t>
            </a:r>
            <a:r>
              <a:rPr lang="en-GB"/>
              <a:t> die Shop-</a:t>
            </a:r>
            <a:r>
              <a:rPr lang="en-GB" err="1"/>
              <a:t>Besitzer</a:t>
            </a:r>
            <a:r>
              <a:rPr lang="en-GB"/>
              <a:t> </a:t>
            </a:r>
            <a:r>
              <a:rPr lang="en-GB" err="1"/>
              <a:t>ihre</a:t>
            </a:r>
            <a:r>
              <a:rPr lang="en-GB"/>
              <a:t> ”</a:t>
            </a:r>
            <a:r>
              <a:rPr lang="en-GB" err="1"/>
              <a:t>Mietgebühr</a:t>
            </a:r>
            <a:r>
              <a:rPr lang="en-GB"/>
              <a:t>” </a:t>
            </a:r>
            <a:r>
              <a:rPr lang="en-GB" err="1"/>
              <a:t>bezahlt</a:t>
            </a:r>
            <a:r>
              <a:rPr lang="en-GB"/>
              <a:t> </a:t>
            </a:r>
            <a:r>
              <a:rPr lang="en-GB" err="1"/>
              <a:t>hab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</a:t>
            </a:r>
            <a:r>
              <a:rPr lang="en-GB" err="1"/>
              <a:t>Mahnungen</a:t>
            </a:r>
            <a:r>
              <a:rPr lang="en-GB"/>
              <a:t> </a:t>
            </a:r>
            <a:r>
              <a:rPr lang="en-GB" err="1"/>
              <a:t>rausgeschickt</a:t>
            </a:r>
            <a:r>
              <a:rPr lang="en-GB"/>
              <a:t> </a:t>
            </a:r>
            <a:r>
              <a:rPr lang="en-GB" err="1"/>
              <a:t>werd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.</a:t>
            </a:r>
            <a:endParaRPr lang="en-DE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7) Funktionen - Admin</a:t>
            </a:r>
          </a:p>
        </p:txBody>
      </p:sp>
    </p:spTree>
    <p:extLst>
      <p:ext uri="{BB962C8B-B14F-4D97-AF65-F5344CB8AC3E}">
        <p14:creationId xmlns:p14="http://schemas.microsoft.com/office/powerpoint/2010/main" val="351123314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/>
              <a:t>Als </a:t>
            </a:r>
            <a:r>
              <a:rPr lang="en-GB" err="1"/>
              <a:t>Besitzer</a:t>
            </a:r>
            <a:r>
              <a:rPr lang="en-GB"/>
              <a:t> des Shops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ohne</a:t>
            </a:r>
            <a:r>
              <a:rPr lang="en-GB"/>
              <a:t> </a:t>
            </a:r>
            <a:r>
              <a:rPr lang="en-GB" err="1"/>
              <a:t>Programmierkenntnisse</a:t>
            </a:r>
            <a:r>
              <a:rPr lang="en-GB"/>
              <a:t> </a:t>
            </a:r>
            <a:r>
              <a:rPr lang="en-GB" err="1"/>
              <a:t>einen</a:t>
            </a:r>
            <a:r>
              <a:rPr lang="en-GB"/>
              <a:t> Shop in Telegram </a:t>
            </a:r>
            <a:r>
              <a:rPr lang="en-GB" err="1"/>
              <a:t>anlieg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um mir </a:t>
            </a:r>
            <a:r>
              <a:rPr lang="en-GB" err="1"/>
              <a:t>meine</a:t>
            </a:r>
            <a:r>
              <a:rPr lang="en-GB"/>
              <a:t> Zeit und </a:t>
            </a:r>
            <a:r>
              <a:rPr lang="en-GB" err="1"/>
              <a:t>Mühe</a:t>
            </a:r>
            <a:r>
              <a:rPr lang="en-GB"/>
              <a:t>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sparen</a:t>
            </a:r>
            <a:r>
              <a:rPr lang="en-GB"/>
              <a:t>.</a:t>
            </a:r>
          </a:p>
          <a:p>
            <a:r>
              <a:rPr lang="en-GB"/>
              <a:t>Als </a:t>
            </a:r>
            <a:r>
              <a:rPr lang="en-GB" err="1"/>
              <a:t>Besitzer</a:t>
            </a:r>
            <a:r>
              <a:rPr lang="en-GB"/>
              <a:t> des Shops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unkompliziert</a:t>
            </a:r>
            <a:r>
              <a:rPr lang="en-GB"/>
              <a:t> das </a:t>
            </a:r>
            <a:r>
              <a:rPr lang="en-GB" err="1"/>
              <a:t>Sortiment</a:t>
            </a:r>
            <a:r>
              <a:rPr lang="en-GB"/>
              <a:t> </a:t>
            </a:r>
            <a:r>
              <a:rPr lang="en-GB" err="1"/>
              <a:t>meines</a:t>
            </a:r>
            <a:r>
              <a:rPr lang="en-GB"/>
              <a:t> Shops </a:t>
            </a:r>
            <a:r>
              <a:rPr lang="en-GB" err="1"/>
              <a:t>verwalt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um das </a:t>
            </a:r>
            <a:r>
              <a:rPr lang="en-GB" err="1"/>
              <a:t>immer</a:t>
            </a:r>
            <a:r>
              <a:rPr lang="en-GB"/>
              <a:t> auf </a:t>
            </a:r>
            <a:r>
              <a:rPr lang="en-GB" err="1"/>
              <a:t>dem</a:t>
            </a:r>
            <a:r>
              <a:rPr lang="en-GB"/>
              <a:t> </a:t>
            </a:r>
            <a:r>
              <a:rPr lang="en-GB" err="1"/>
              <a:t>aktuellen</a:t>
            </a:r>
            <a:r>
              <a:rPr lang="en-GB"/>
              <a:t> Stand </a:t>
            </a:r>
            <a:r>
              <a:rPr lang="en-GB" err="1"/>
              <a:t>zu</a:t>
            </a:r>
            <a:r>
              <a:rPr lang="en-GB"/>
              <a:t> </a:t>
            </a:r>
            <a:r>
              <a:rPr lang="en-GB" err="1"/>
              <a:t>halten</a:t>
            </a:r>
            <a:r>
              <a:rPr lang="en-GB"/>
              <a:t>.</a:t>
            </a:r>
          </a:p>
          <a:p>
            <a:r>
              <a:rPr lang="en-GB"/>
              <a:t>Als </a:t>
            </a:r>
            <a:r>
              <a:rPr lang="en-GB" err="1"/>
              <a:t>Besitzer</a:t>
            </a:r>
            <a:r>
              <a:rPr lang="en-GB"/>
              <a:t> des Shops </a:t>
            </a:r>
            <a:r>
              <a:rPr lang="en-GB" err="1"/>
              <a:t>würde</a:t>
            </a:r>
            <a:r>
              <a:rPr lang="en-GB"/>
              <a:t> ich </a:t>
            </a:r>
            <a:r>
              <a:rPr lang="en-GB" err="1"/>
              <a:t>gern</a:t>
            </a:r>
            <a:r>
              <a:rPr lang="en-GB"/>
              <a:t>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barrierefreie</a:t>
            </a:r>
            <a:r>
              <a:rPr lang="en-GB"/>
              <a:t> </a:t>
            </a:r>
            <a:r>
              <a:rPr lang="en-GB" err="1"/>
              <a:t>Kommunikation</a:t>
            </a:r>
            <a:r>
              <a:rPr lang="en-GB"/>
              <a:t> </a:t>
            </a:r>
            <a:r>
              <a:rPr lang="en-GB" err="1"/>
              <a:t>mit</a:t>
            </a:r>
            <a:r>
              <a:rPr lang="en-GB"/>
              <a:t> </a:t>
            </a:r>
            <a:r>
              <a:rPr lang="en-GB" err="1"/>
              <a:t>meinen</a:t>
            </a:r>
            <a:r>
              <a:rPr lang="en-GB"/>
              <a:t> </a:t>
            </a:r>
            <a:r>
              <a:rPr lang="en-GB" err="1"/>
              <a:t>Kunden</a:t>
            </a:r>
            <a:r>
              <a:rPr lang="en-GB"/>
              <a:t> </a:t>
            </a:r>
            <a:r>
              <a:rPr lang="en-GB" err="1"/>
              <a:t>hab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</a:t>
            </a:r>
            <a:r>
              <a:rPr lang="en-GB" err="1"/>
              <a:t>mögliche</a:t>
            </a:r>
            <a:r>
              <a:rPr lang="en-GB"/>
              <a:t> </a:t>
            </a:r>
            <a:r>
              <a:rPr lang="en-GB" err="1"/>
              <a:t>Supportanfragen</a:t>
            </a:r>
            <a:r>
              <a:rPr lang="en-GB"/>
              <a:t> </a:t>
            </a:r>
            <a:r>
              <a:rPr lang="en-GB" err="1"/>
              <a:t>rechtzeitig</a:t>
            </a:r>
            <a:r>
              <a:rPr lang="en-GB"/>
              <a:t> </a:t>
            </a:r>
            <a:r>
              <a:rPr lang="en-GB" err="1"/>
              <a:t>bearbeiten</a:t>
            </a:r>
            <a:r>
              <a:rPr lang="en-GB"/>
              <a:t> </a:t>
            </a:r>
            <a:r>
              <a:rPr lang="en-GB" err="1"/>
              <a:t>könnte</a:t>
            </a:r>
            <a:r>
              <a:rPr lang="en-GB"/>
              <a:t>.</a:t>
            </a:r>
          </a:p>
          <a:p>
            <a:r>
              <a:rPr lang="en-GB"/>
              <a:t>Als </a:t>
            </a:r>
            <a:r>
              <a:rPr lang="en-GB" err="1"/>
              <a:t>Besitzer</a:t>
            </a:r>
            <a:r>
              <a:rPr lang="en-GB"/>
              <a:t> des Shops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Funktionalitäten</a:t>
            </a:r>
            <a:r>
              <a:rPr lang="en-GB"/>
              <a:t> des Shops </a:t>
            </a:r>
            <a:r>
              <a:rPr lang="en-GB" err="1"/>
              <a:t>veränder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</a:t>
            </a:r>
            <a:r>
              <a:rPr lang="en-GB" err="1"/>
              <a:t>meinen</a:t>
            </a:r>
            <a:r>
              <a:rPr lang="en-GB"/>
              <a:t> Shop </a:t>
            </a:r>
            <a:r>
              <a:rPr lang="en-GB" err="1"/>
              <a:t>nach</a:t>
            </a:r>
            <a:r>
              <a:rPr lang="en-GB"/>
              <a:t> </a:t>
            </a:r>
            <a:r>
              <a:rPr lang="en-GB" err="1"/>
              <a:t>aktuellem</a:t>
            </a:r>
            <a:r>
              <a:rPr lang="en-GB"/>
              <a:t> </a:t>
            </a:r>
            <a:r>
              <a:rPr lang="en-GB" err="1"/>
              <a:t>Zwecke</a:t>
            </a:r>
            <a:r>
              <a:rPr lang="en-GB"/>
              <a:t> </a:t>
            </a:r>
            <a:r>
              <a:rPr lang="en-GB" err="1"/>
              <a:t>anpassen</a:t>
            </a:r>
            <a:r>
              <a:rPr lang="en-GB"/>
              <a:t> </a:t>
            </a:r>
            <a:r>
              <a:rPr lang="en-GB" err="1"/>
              <a:t>könnte</a:t>
            </a:r>
            <a:r>
              <a:rPr lang="en-GB"/>
              <a:t>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7) Funktionen - Shop</a:t>
            </a:r>
          </a:p>
        </p:txBody>
      </p:sp>
    </p:spTree>
    <p:extLst>
      <p:ext uri="{BB962C8B-B14F-4D97-AF65-F5344CB8AC3E}">
        <p14:creationId xmlns:p14="http://schemas.microsoft.com/office/powerpoint/2010/main" val="116020626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C92D38E-2414-9A34-AD44-8049EA2ED68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>
            <a:normAutofit/>
          </a:bodyPr>
          <a:lstStyle/>
          <a:p>
            <a:r>
              <a:rPr lang="en-GB" sz="1800"/>
              <a:t>Der Admin muss</a:t>
            </a:r>
          </a:p>
          <a:p>
            <a:r>
              <a:rPr lang="en-GB" sz="1800"/>
              <a:t>- </a:t>
            </a:r>
            <a:r>
              <a:rPr lang="en-GB" sz="1800" err="1"/>
              <a:t>eine</a:t>
            </a:r>
            <a:r>
              <a:rPr lang="en-GB" sz="1800"/>
              <a:t> </a:t>
            </a:r>
            <a:r>
              <a:rPr lang="en-GB" sz="1800" err="1"/>
              <a:t>Übersicht</a:t>
            </a:r>
            <a:r>
              <a:rPr lang="en-GB" sz="1800"/>
              <a:t> der </a:t>
            </a:r>
            <a:r>
              <a:rPr lang="en-GB" sz="1800" err="1"/>
              <a:t>angelegten</a:t>
            </a:r>
            <a:r>
              <a:rPr lang="en-GB" sz="1800"/>
              <a:t> Bots </a:t>
            </a:r>
            <a:r>
              <a:rPr lang="en-GB" sz="1800" err="1"/>
              <a:t>seh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schnell </a:t>
            </a:r>
            <a:r>
              <a:rPr lang="en-GB" sz="1800" err="1"/>
              <a:t>Supportanfragen</a:t>
            </a:r>
            <a:r>
              <a:rPr lang="en-GB" sz="1800"/>
              <a:t> </a:t>
            </a:r>
            <a:r>
              <a:rPr lang="en-GB" sz="1800" err="1"/>
              <a:t>bearbeit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die Bots </a:t>
            </a:r>
            <a:r>
              <a:rPr lang="en-GB" sz="1800" err="1"/>
              <a:t>über</a:t>
            </a:r>
            <a:r>
              <a:rPr lang="en-GB" sz="1800"/>
              <a:t> </a:t>
            </a:r>
            <a:r>
              <a:rPr lang="en-GB" sz="1800" err="1"/>
              <a:t>eine</a:t>
            </a:r>
            <a:r>
              <a:rPr lang="en-GB" sz="1800"/>
              <a:t> SAAS-</a:t>
            </a:r>
            <a:r>
              <a:rPr lang="en-GB" sz="1800" err="1"/>
              <a:t>Plattform</a:t>
            </a:r>
            <a:r>
              <a:rPr lang="en-GB" sz="1800"/>
              <a:t> </a:t>
            </a:r>
            <a:r>
              <a:rPr lang="en-GB" sz="1800" err="1"/>
              <a:t>sehen</a:t>
            </a:r>
            <a:r>
              <a:rPr lang="en-GB" sz="1800"/>
              <a:t> und auf die Shop-</a:t>
            </a:r>
            <a:r>
              <a:rPr lang="en-GB" sz="1800" err="1"/>
              <a:t>Besitzer</a:t>
            </a:r>
            <a:r>
              <a:rPr lang="en-GB" sz="1800"/>
              <a:t>-Sicht </a:t>
            </a:r>
            <a:r>
              <a:rPr lang="en-GB" sz="1800" err="1"/>
              <a:t>schalt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DE" sz="180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4A62FB9-79BB-6768-FDAA-354816DEEC30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/>
          </a:bodyPr>
          <a:lstStyle/>
          <a:p>
            <a:r>
              <a:rPr lang="en-GB" sz="1800"/>
              <a:t>Der Shop-</a:t>
            </a:r>
            <a:r>
              <a:rPr lang="en-GB" sz="1800" err="1"/>
              <a:t>Besitzer</a:t>
            </a:r>
            <a:r>
              <a:rPr lang="en-GB" sz="1800"/>
              <a:t> muss</a:t>
            </a:r>
          </a:p>
          <a:p>
            <a:r>
              <a:rPr lang="en-GB" sz="1800"/>
              <a:t>- </a:t>
            </a:r>
            <a:r>
              <a:rPr lang="en-GB" sz="1800" err="1"/>
              <a:t>sich</a:t>
            </a:r>
            <a:r>
              <a:rPr lang="en-GB" sz="1800"/>
              <a:t> </a:t>
            </a:r>
            <a:r>
              <a:rPr lang="en-GB" sz="1800" err="1"/>
              <a:t>über</a:t>
            </a:r>
            <a:r>
              <a:rPr lang="en-GB" sz="1800"/>
              <a:t> den </a:t>
            </a:r>
            <a:r>
              <a:rPr lang="en-GB" sz="1800" err="1"/>
              <a:t>zentralen</a:t>
            </a:r>
            <a:r>
              <a:rPr lang="en-GB" sz="1800"/>
              <a:t> Bot </a:t>
            </a:r>
            <a:r>
              <a:rPr lang="en-GB" sz="1800" err="1"/>
              <a:t>einen</a:t>
            </a:r>
            <a:r>
              <a:rPr lang="en-GB" sz="1800"/>
              <a:t> </a:t>
            </a:r>
            <a:r>
              <a:rPr lang="en-GB" sz="1800" err="1"/>
              <a:t>eigenen</a:t>
            </a:r>
            <a:r>
              <a:rPr lang="en-GB" sz="1800"/>
              <a:t> Shop-Bot </a:t>
            </a:r>
            <a:r>
              <a:rPr lang="en-GB" sz="1800" err="1"/>
              <a:t>anleg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das </a:t>
            </a:r>
            <a:r>
              <a:rPr lang="en-GB" sz="1800" err="1"/>
              <a:t>Sortiment</a:t>
            </a:r>
            <a:r>
              <a:rPr lang="en-GB" sz="1800"/>
              <a:t> </a:t>
            </a:r>
            <a:r>
              <a:rPr lang="en-GB" sz="1800" err="1"/>
              <a:t>anleg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die </a:t>
            </a:r>
            <a:r>
              <a:rPr lang="en-GB" sz="1800" err="1"/>
              <a:t>Bestellungen</a:t>
            </a:r>
            <a:r>
              <a:rPr lang="en-GB" sz="1800"/>
              <a:t> </a:t>
            </a:r>
            <a:r>
              <a:rPr lang="en-GB" sz="1800" err="1"/>
              <a:t>anseh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die </a:t>
            </a:r>
            <a:r>
              <a:rPr lang="en-GB" sz="1800" err="1"/>
              <a:t>Funktionalitäten</a:t>
            </a:r>
            <a:r>
              <a:rPr lang="en-GB" sz="1800"/>
              <a:t> des Shops </a:t>
            </a:r>
            <a:r>
              <a:rPr lang="en-GB" sz="1800" err="1"/>
              <a:t>veränder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DE" sz="1800"/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GB" sz="1800"/>
              <a:t>Der Kunde muss</a:t>
            </a:r>
          </a:p>
          <a:p>
            <a:r>
              <a:rPr lang="en-GB" sz="1800"/>
              <a:t>- das </a:t>
            </a:r>
            <a:r>
              <a:rPr lang="en-GB" sz="1800" err="1"/>
              <a:t>Sortiment</a:t>
            </a:r>
            <a:r>
              <a:rPr lang="en-GB" sz="1800"/>
              <a:t> </a:t>
            </a:r>
            <a:r>
              <a:rPr lang="en-GB" sz="1800" err="1"/>
              <a:t>anseh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die Details von </a:t>
            </a:r>
            <a:r>
              <a:rPr lang="en-GB" sz="1800" err="1"/>
              <a:t>einzelnen</a:t>
            </a:r>
            <a:r>
              <a:rPr lang="en-GB" sz="1800"/>
              <a:t> </a:t>
            </a:r>
            <a:r>
              <a:rPr lang="en-GB" sz="1800" err="1"/>
              <a:t>Produkten</a:t>
            </a:r>
            <a:r>
              <a:rPr lang="en-GB" sz="1800"/>
              <a:t> </a:t>
            </a:r>
            <a:r>
              <a:rPr lang="en-GB" sz="1800" err="1"/>
              <a:t>seh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die </a:t>
            </a:r>
            <a:r>
              <a:rPr lang="en-GB" sz="1800" err="1"/>
              <a:t>Produkte</a:t>
            </a:r>
            <a:r>
              <a:rPr lang="en-GB" sz="1800"/>
              <a:t> in </a:t>
            </a:r>
            <a:r>
              <a:rPr lang="en-GB" sz="1800" err="1"/>
              <a:t>einen</a:t>
            </a:r>
            <a:r>
              <a:rPr lang="en-GB" sz="1800"/>
              <a:t> </a:t>
            </a:r>
            <a:r>
              <a:rPr lang="en-GB" sz="1800" err="1"/>
              <a:t>Warenkorb</a:t>
            </a:r>
            <a:r>
              <a:rPr lang="en-GB" sz="1800"/>
              <a:t> </a:t>
            </a:r>
            <a:r>
              <a:rPr lang="en-GB" sz="1800" err="1"/>
              <a:t>leg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</a:t>
            </a:r>
            <a:r>
              <a:rPr lang="en-GB" sz="1800" err="1"/>
              <a:t>Lieferstatus</a:t>
            </a:r>
            <a:r>
              <a:rPr lang="en-GB" sz="1800"/>
              <a:t> </a:t>
            </a:r>
            <a:r>
              <a:rPr lang="en-GB" sz="1800" err="1"/>
              <a:t>überwach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die </a:t>
            </a:r>
            <a:r>
              <a:rPr lang="en-GB" sz="1800" err="1"/>
              <a:t>Bestellung</a:t>
            </a:r>
            <a:r>
              <a:rPr lang="en-GB" sz="1800"/>
              <a:t> </a:t>
            </a:r>
            <a:r>
              <a:rPr lang="en-GB" sz="1800" err="1"/>
              <a:t>widerufen</a:t>
            </a:r>
            <a:r>
              <a:rPr lang="en-GB" sz="1800"/>
              <a:t>/</a:t>
            </a:r>
            <a:r>
              <a:rPr lang="en-GB" sz="1800" err="1"/>
              <a:t>stornier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Anforderungen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Auszüge aus den Muss-Kriterien (X muss Y können)</a:t>
            </a:r>
          </a:p>
        </p:txBody>
      </p:sp>
    </p:spTree>
    <p:extLst>
      <p:ext uri="{BB962C8B-B14F-4D97-AF65-F5344CB8AC3E}">
        <p14:creationId xmlns:p14="http://schemas.microsoft.com/office/powerpoint/2010/main" val="265848585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92500" lnSpcReduction="20000"/>
          </a:bodyPr>
          <a:lstStyle/>
          <a:p>
            <a:r>
              <a:rPr lang="en-GB"/>
              <a:t>Als Kunde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Produkte</a:t>
            </a:r>
            <a:r>
              <a:rPr lang="en-GB"/>
              <a:t> </a:t>
            </a:r>
            <a:r>
              <a:rPr lang="en-GB" err="1"/>
              <a:t>eines</a:t>
            </a:r>
            <a:r>
              <a:rPr lang="en-GB"/>
              <a:t> Shops </a:t>
            </a:r>
            <a:r>
              <a:rPr lang="en-GB" err="1"/>
              <a:t>sowie</a:t>
            </a:r>
            <a:r>
              <a:rPr lang="en-GB"/>
              <a:t> </a:t>
            </a:r>
            <a:r>
              <a:rPr lang="en-GB" err="1"/>
              <a:t>deren</a:t>
            </a:r>
            <a:r>
              <a:rPr lang="en-GB"/>
              <a:t> </a:t>
            </a:r>
            <a:r>
              <a:rPr lang="en-GB" err="1"/>
              <a:t>Beschreibungen</a:t>
            </a:r>
            <a:r>
              <a:rPr lang="en-GB"/>
              <a:t> mir </a:t>
            </a:r>
            <a:r>
              <a:rPr lang="en-GB" err="1"/>
              <a:t>anschau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schnell </a:t>
            </a:r>
            <a:r>
              <a:rPr lang="en-GB" err="1"/>
              <a:t>ein</a:t>
            </a:r>
            <a:r>
              <a:rPr lang="en-GB"/>
              <a:t> </a:t>
            </a:r>
            <a:r>
              <a:rPr lang="en-GB" err="1"/>
              <a:t>benötigtes</a:t>
            </a:r>
            <a:r>
              <a:rPr lang="en-GB"/>
              <a:t> </a:t>
            </a:r>
            <a:r>
              <a:rPr lang="en-GB" err="1"/>
              <a:t>Produkt</a:t>
            </a:r>
            <a:r>
              <a:rPr lang="en-GB"/>
              <a:t> </a:t>
            </a:r>
            <a:r>
              <a:rPr lang="en-GB" err="1"/>
              <a:t>finden</a:t>
            </a:r>
            <a:r>
              <a:rPr lang="en-GB"/>
              <a:t> </a:t>
            </a:r>
            <a:r>
              <a:rPr lang="en-GB" err="1"/>
              <a:t>könnte</a:t>
            </a:r>
            <a:r>
              <a:rPr lang="en-GB"/>
              <a:t>.</a:t>
            </a:r>
          </a:p>
          <a:p>
            <a:r>
              <a:rPr lang="en-GB"/>
              <a:t>Als Kunde </a:t>
            </a:r>
            <a:r>
              <a:rPr lang="en-GB" err="1"/>
              <a:t>würde</a:t>
            </a:r>
            <a:r>
              <a:rPr lang="en-GB"/>
              <a:t> ich </a:t>
            </a:r>
            <a:r>
              <a:rPr lang="en-GB" err="1"/>
              <a:t>gern</a:t>
            </a:r>
            <a:r>
              <a:rPr lang="en-GB"/>
              <a:t> </a:t>
            </a:r>
            <a:r>
              <a:rPr lang="en-GB" err="1"/>
              <a:t>einen</a:t>
            </a:r>
            <a:r>
              <a:rPr lang="en-GB"/>
              <a:t> </a:t>
            </a:r>
            <a:r>
              <a:rPr lang="en-GB" err="1"/>
              <a:t>Warenkorb</a:t>
            </a:r>
            <a:r>
              <a:rPr lang="en-GB"/>
              <a:t> </a:t>
            </a:r>
            <a:r>
              <a:rPr lang="en-GB" err="1"/>
              <a:t>haben</a:t>
            </a:r>
            <a:r>
              <a:rPr lang="en-GB"/>
              <a:t> und </a:t>
            </a:r>
            <a:r>
              <a:rPr lang="en-GB" err="1"/>
              <a:t>verwalt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</a:t>
            </a:r>
            <a:r>
              <a:rPr lang="en-GB" err="1"/>
              <a:t>eine</a:t>
            </a:r>
            <a:r>
              <a:rPr lang="en-GB"/>
              <a:t> </a:t>
            </a:r>
            <a:r>
              <a:rPr lang="en-GB" err="1"/>
              <a:t>Übersicht</a:t>
            </a:r>
            <a:r>
              <a:rPr lang="en-GB"/>
              <a:t> </a:t>
            </a:r>
            <a:r>
              <a:rPr lang="en-GB" err="1"/>
              <a:t>über</a:t>
            </a:r>
            <a:r>
              <a:rPr lang="en-GB"/>
              <a:t> </a:t>
            </a:r>
            <a:r>
              <a:rPr lang="en-GB" err="1"/>
              <a:t>meine</a:t>
            </a:r>
            <a:r>
              <a:rPr lang="en-GB"/>
              <a:t> </a:t>
            </a:r>
            <a:r>
              <a:rPr lang="en-GB" err="1"/>
              <a:t>Bestellungen</a:t>
            </a:r>
            <a:r>
              <a:rPr lang="en-GB"/>
              <a:t> </a:t>
            </a:r>
            <a:r>
              <a:rPr lang="en-GB" err="1"/>
              <a:t>habe</a:t>
            </a:r>
            <a:r>
              <a:rPr lang="en-GB"/>
              <a:t>.</a:t>
            </a:r>
          </a:p>
          <a:p>
            <a:r>
              <a:rPr lang="en-GB"/>
              <a:t>Als Kunde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meine</a:t>
            </a:r>
            <a:r>
              <a:rPr lang="en-GB"/>
              <a:t> </a:t>
            </a:r>
            <a:r>
              <a:rPr lang="en-GB" err="1"/>
              <a:t>Bestellung</a:t>
            </a:r>
            <a:r>
              <a:rPr lang="en-GB"/>
              <a:t> </a:t>
            </a:r>
            <a:r>
              <a:rPr lang="en-GB" err="1"/>
              <a:t>abschicken</a:t>
            </a:r>
            <a:r>
              <a:rPr lang="en-GB"/>
              <a:t> und den Status </a:t>
            </a:r>
            <a:r>
              <a:rPr lang="en-GB" err="1"/>
              <a:t>überwach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</a:t>
            </a:r>
            <a:r>
              <a:rPr lang="en-GB" err="1"/>
              <a:t>weiß</a:t>
            </a:r>
            <a:r>
              <a:rPr lang="en-GB"/>
              <a:t>, </a:t>
            </a:r>
            <a:r>
              <a:rPr lang="en-GB" err="1"/>
              <a:t>dass</a:t>
            </a:r>
            <a:r>
              <a:rPr lang="en-GB"/>
              <a:t> </a:t>
            </a:r>
            <a:r>
              <a:rPr lang="en-GB" err="1"/>
              <a:t>meine</a:t>
            </a:r>
            <a:r>
              <a:rPr lang="en-GB"/>
              <a:t> Ware </a:t>
            </a:r>
            <a:r>
              <a:rPr lang="en-GB" err="1"/>
              <a:t>ankommt</a:t>
            </a:r>
            <a:r>
              <a:rPr lang="en-GB"/>
              <a:t> und </a:t>
            </a:r>
            <a:r>
              <a:rPr lang="en-GB" err="1"/>
              <a:t>wann</a:t>
            </a:r>
            <a:r>
              <a:rPr lang="en-GB"/>
              <a:t>.</a:t>
            </a:r>
          </a:p>
          <a:p>
            <a:r>
              <a:rPr lang="en-GB"/>
              <a:t>Als Kunde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Zahlungsinformation</a:t>
            </a:r>
            <a:r>
              <a:rPr lang="en-GB"/>
              <a:t> </a:t>
            </a:r>
            <a:r>
              <a:rPr lang="en-GB" err="1"/>
              <a:t>im</a:t>
            </a:r>
            <a:r>
              <a:rPr lang="en-GB"/>
              <a:t> Shop </a:t>
            </a:r>
            <a:r>
              <a:rPr lang="en-GB" err="1"/>
              <a:t>eingeb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</a:t>
            </a:r>
            <a:r>
              <a:rPr lang="en-GB" err="1"/>
              <a:t>meine</a:t>
            </a:r>
            <a:r>
              <a:rPr lang="en-GB"/>
              <a:t> </a:t>
            </a:r>
            <a:r>
              <a:rPr lang="en-GB" err="1"/>
              <a:t>Bestellung</a:t>
            </a:r>
            <a:r>
              <a:rPr lang="en-GB"/>
              <a:t> </a:t>
            </a:r>
            <a:r>
              <a:rPr lang="en-GB" err="1"/>
              <a:t>auch</a:t>
            </a:r>
            <a:r>
              <a:rPr lang="en-GB"/>
              <a:t> </a:t>
            </a:r>
            <a:r>
              <a:rPr lang="en-GB" err="1"/>
              <a:t>bargeldlos</a:t>
            </a:r>
            <a:r>
              <a:rPr lang="en-GB"/>
              <a:t> </a:t>
            </a:r>
            <a:r>
              <a:rPr lang="en-GB" err="1"/>
              <a:t>zahlen</a:t>
            </a:r>
            <a:r>
              <a:rPr lang="en-GB"/>
              <a:t> </a:t>
            </a:r>
            <a:r>
              <a:rPr lang="en-GB" err="1"/>
              <a:t>könnte</a:t>
            </a:r>
            <a:r>
              <a:rPr lang="en-GB"/>
              <a:t>.</a:t>
            </a:r>
          </a:p>
          <a:p>
            <a:r>
              <a:rPr lang="en-GB"/>
              <a:t>Als Kunde </a:t>
            </a:r>
            <a:r>
              <a:rPr lang="en-GB" err="1"/>
              <a:t>möchte</a:t>
            </a:r>
            <a:r>
              <a:rPr lang="en-GB"/>
              <a:t> ich </a:t>
            </a:r>
            <a:r>
              <a:rPr lang="en-GB" err="1"/>
              <a:t>Lieferadresse</a:t>
            </a:r>
            <a:r>
              <a:rPr lang="en-GB"/>
              <a:t> </a:t>
            </a:r>
            <a:r>
              <a:rPr lang="en-GB" err="1"/>
              <a:t>im</a:t>
            </a:r>
            <a:r>
              <a:rPr lang="en-GB"/>
              <a:t> Shop </a:t>
            </a:r>
            <a:r>
              <a:rPr lang="en-GB" err="1"/>
              <a:t>eingeb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damit</a:t>
            </a:r>
            <a:r>
              <a:rPr lang="en-GB"/>
              <a:t> ich </a:t>
            </a:r>
            <a:r>
              <a:rPr lang="en-GB" err="1"/>
              <a:t>meine</a:t>
            </a:r>
            <a:r>
              <a:rPr lang="en-GB"/>
              <a:t> </a:t>
            </a:r>
            <a:r>
              <a:rPr lang="en-GB" err="1"/>
              <a:t>Bestellung</a:t>
            </a:r>
            <a:r>
              <a:rPr lang="en-GB"/>
              <a:t> </a:t>
            </a:r>
            <a:r>
              <a:rPr lang="en-GB" err="1"/>
              <a:t>auch</a:t>
            </a:r>
            <a:r>
              <a:rPr lang="en-GB"/>
              <a:t> per Post </a:t>
            </a:r>
            <a:r>
              <a:rPr lang="en-GB" err="1"/>
              <a:t>geliefert</a:t>
            </a:r>
            <a:r>
              <a:rPr lang="en-GB"/>
              <a:t> </a:t>
            </a:r>
            <a:r>
              <a:rPr lang="en-GB" err="1"/>
              <a:t>bekommen</a:t>
            </a:r>
            <a:r>
              <a:rPr lang="en-GB"/>
              <a:t> </a:t>
            </a:r>
            <a:r>
              <a:rPr lang="en-GB" err="1"/>
              <a:t>könnte</a:t>
            </a:r>
            <a:r>
              <a:rPr lang="en-GB"/>
              <a:t>.</a:t>
            </a:r>
          </a:p>
          <a:p>
            <a:r>
              <a:rPr lang="en-GB"/>
              <a:t>Als Kunde </a:t>
            </a:r>
            <a:r>
              <a:rPr lang="en-GB" err="1"/>
              <a:t>möchte</a:t>
            </a:r>
            <a:r>
              <a:rPr lang="en-GB"/>
              <a:t> den Support </a:t>
            </a:r>
            <a:r>
              <a:rPr lang="en-GB" err="1"/>
              <a:t>kontaktieren</a:t>
            </a:r>
            <a:r>
              <a:rPr lang="en-GB"/>
              <a:t> </a:t>
            </a:r>
            <a:r>
              <a:rPr lang="en-GB" err="1"/>
              <a:t>können</a:t>
            </a:r>
            <a:r>
              <a:rPr lang="en-GB"/>
              <a:t>, </a:t>
            </a:r>
            <a:r>
              <a:rPr lang="en-GB" err="1"/>
              <a:t>im</a:t>
            </a:r>
            <a:r>
              <a:rPr lang="en-GB"/>
              <a:t> Fall, </a:t>
            </a:r>
            <a:r>
              <a:rPr lang="en-GB" err="1"/>
              <a:t>wenn</a:t>
            </a:r>
            <a:r>
              <a:rPr lang="en-GB"/>
              <a:t> ich </a:t>
            </a:r>
            <a:r>
              <a:rPr lang="en-GB" err="1"/>
              <a:t>Probleme</a:t>
            </a:r>
            <a:r>
              <a:rPr lang="en-GB"/>
              <a:t> </a:t>
            </a:r>
            <a:r>
              <a:rPr lang="en-GB" err="1"/>
              <a:t>oder</a:t>
            </a:r>
            <a:r>
              <a:rPr lang="en-GB"/>
              <a:t> </a:t>
            </a:r>
            <a:r>
              <a:rPr lang="en-GB" err="1"/>
              <a:t>Fragen</a:t>
            </a:r>
            <a:r>
              <a:rPr lang="en-GB"/>
              <a:t> </a:t>
            </a:r>
            <a:r>
              <a:rPr lang="en-GB" err="1"/>
              <a:t>beim</a:t>
            </a:r>
            <a:r>
              <a:rPr lang="en-GB"/>
              <a:t> </a:t>
            </a:r>
            <a:r>
              <a:rPr lang="en-GB" err="1"/>
              <a:t>Kaufprozess</a:t>
            </a:r>
            <a:r>
              <a:rPr lang="en-GB"/>
              <a:t> </a:t>
            </a:r>
            <a:r>
              <a:rPr lang="en-GB" err="1"/>
              <a:t>haben</a:t>
            </a:r>
            <a:r>
              <a:rPr lang="en-GB"/>
              <a:t> </a:t>
            </a:r>
            <a:r>
              <a:rPr lang="en-GB" err="1"/>
              <a:t>müsste</a:t>
            </a:r>
            <a:endParaRPr lang="en-GB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7) Funktionen - Kunde</a:t>
            </a:r>
          </a:p>
        </p:txBody>
      </p:sp>
    </p:spTree>
    <p:extLst>
      <p:ext uri="{BB962C8B-B14F-4D97-AF65-F5344CB8AC3E}">
        <p14:creationId xmlns:p14="http://schemas.microsoft.com/office/powerpoint/2010/main" val="180159660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/>
              <a:t>Momentan keine Ergänzungen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Pflichtenheft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8) Ergänzungen</a:t>
            </a:r>
          </a:p>
        </p:txBody>
      </p:sp>
    </p:spTree>
    <p:extLst>
      <p:ext uri="{BB962C8B-B14F-4D97-AF65-F5344CB8AC3E}">
        <p14:creationId xmlns:p14="http://schemas.microsoft.com/office/powerpoint/2010/main" val="382220035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4A01FD6F-6B92-5F5D-187B-D74CF38D6A9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773092"/>
            <a:ext cx="12195175" cy="53118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1338917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B449C0B1-49EF-2D4E-4E62-43FD3CB457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86204" y="0"/>
            <a:ext cx="982276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6793153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0D22C77-B0BC-FE37-9D09-8E15C21B22F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1191984"/>
            <a:ext cx="12195175" cy="4474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4668220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2400A68-BA91-1BA6-9BE2-3D088195F5A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98" y="1187532"/>
            <a:ext cx="12192977" cy="44301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732540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30460DE2-836D-B7B1-CDC7-58846FA026C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1299306"/>
            <a:ext cx="12195175" cy="4259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0552515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52D14132-9F0A-98FB-10AF-674DEC47C2B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985652"/>
            <a:ext cx="12195175" cy="460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956201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5D59D29-066A-97D6-8CB9-01E29B4DEF8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686963"/>
            <a:ext cx="12195175" cy="54840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536290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A4C8A456-B86D-117F-D0AD-6F0C714BCD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1845045"/>
            <a:ext cx="12195176" cy="29882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5487534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4A62FB9-79BB-6768-FDAA-354816DEEC3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/>
          </a:bodyPr>
          <a:lstStyle/>
          <a:p>
            <a:r>
              <a:rPr lang="en-GB" sz="1800"/>
              <a:t>Der Admin </a:t>
            </a:r>
            <a:r>
              <a:rPr lang="en-GB" sz="1800" err="1"/>
              <a:t>soll</a:t>
            </a:r>
            <a:endParaRPr lang="en-GB" sz="1800"/>
          </a:p>
          <a:p>
            <a:r>
              <a:rPr lang="en-GB" sz="1800"/>
              <a:t>- </a:t>
            </a:r>
            <a:r>
              <a:rPr lang="en-GB" sz="1800" err="1"/>
              <a:t>Übersetzungen</a:t>
            </a:r>
            <a:r>
              <a:rPr lang="en-GB" sz="1800"/>
              <a:t> </a:t>
            </a:r>
            <a:r>
              <a:rPr lang="en-GB" sz="1800" err="1"/>
              <a:t>hinzufüg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Workflows </a:t>
            </a:r>
            <a:r>
              <a:rPr lang="en-GB" sz="1800" err="1"/>
              <a:t>änder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DE" sz="1800"/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GB" sz="1800"/>
              <a:t>Der Kunde </a:t>
            </a:r>
            <a:r>
              <a:rPr lang="en-GB" sz="1800" err="1"/>
              <a:t>soll</a:t>
            </a:r>
            <a:endParaRPr lang="en-GB" sz="1800"/>
          </a:p>
          <a:p>
            <a:r>
              <a:rPr lang="en-GB" sz="1800"/>
              <a:t>- die </a:t>
            </a:r>
            <a:r>
              <a:rPr lang="en-GB" sz="1800" err="1"/>
              <a:t>Anwendung</a:t>
            </a:r>
            <a:r>
              <a:rPr lang="en-GB" sz="1800"/>
              <a:t> </a:t>
            </a:r>
            <a:r>
              <a:rPr lang="en-GB" sz="1800" err="1"/>
              <a:t>barrierefrei</a:t>
            </a:r>
            <a:r>
              <a:rPr lang="en-GB" sz="1800"/>
              <a:t> </a:t>
            </a:r>
            <a:r>
              <a:rPr lang="en-GB" sz="1800" err="1"/>
              <a:t>nutze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</a:t>
            </a:r>
            <a:r>
              <a:rPr lang="en-GB" sz="1800" err="1"/>
              <a:t>Liefer</a:t>
            </a:r>
            <a:r>
              <a:rPr lang="en-GB" sz="1800"/>
              <a:t>- &amp; </a:t>
            </a:r>
            <a:r>
              <a:rPr lang="en-GB" sz="1800" err="1"/>
              <a:t>Rechnungsadressen</a:t>
            </a:r>
            <a:r>
              <a:rPr lang="en-GB" sz="1800"/>
              <a:t> </a:t>
            </a:r>
            <a:r>
              <a:rPr lang="en-GB" sz="1800" err="1"/>
              <a:t>im</a:t>
            </a:r>
            <a:r>
              <a:rPr lang="en-GB" sz="1800"/>
              <a:t> </a:t>
            </a:r>
            <a:r>
              <a:rPr lang="en-GB" sz="1800" err="1"/>
              <a:t>Konto</a:t>
            </a:r>
            <a:r>
              <a:rPr lang="en-GB" sz="1800"/>
              <a:t> </a:t>
            </a:r>
            <a:r>
              <a:rPr lang="en-GB" sz="1800" err="1"/>
              <a:t>speicher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</a:t>
            </a:r>
            <a:r>
              <a:rPr lang="en-GB" sz="1800" err="1"/>
              <a:t>Bezahlinformationen</a:t>
            </a:r>
            <a:r>
              <a:rPr lang="en-GB" sz="1800"/>
              <a:t> </a:t>
            </a:r>
            <a:r>
              <a:rPr lang="en-GB" sz="1800" err="1"/>
              <a:t>im</a:t>
            </a:r>
            <a:r>
              <a:rPr lang="en-GB" sz="1800"/>
              <a:t> </a:t>
            </a:r>
            <a:r>
              <a:rPr lang="en-GB" sz="1800" err="1"/>
              <a:t>Konto</a:t>
            </a:r>
            <a:r>
              <a:rPr lang="en-GB" sz="1800"/>
              <a:t> </a:t>
            </a:r>
            <a:r>
              <a:rPr lang="en-GB" sz="1800" err="1"/>
              <a:t>speicher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  <a:p>
            <a:r>
              <a:rPr lang="en-GB" sz="1800"/>
              <a:t>- die </a:t>
            </a:r>
            <a:r>
              <a:rPr lang="en-GB" sz="1800" err="1"/>
              <a:t>Sprache</a:t>
            </a:r>
            <a:r>
              <a:rPr lang="en-GB" sz="1800"/>
              <a:t> der </a:t>
            </a:r>
            <a:r>
              <a:rPr lang="en-GB" sz="1800" err="1"/>
              <a:t>Anwendung</a:t>
            </a:r>
            <a:r>
              <a:rPr lang="en-GB" sz="1800"/>
              <a:t> </a:t>
            </a:r>
            <a:r>
              <a:rPr lang="en-GB" sz="1800" err="1"/>
              <a:t>ändern</a:t>
            </a:r>
            <a:r>
              <a:rPr lang="en-GB" sz="1800"/>
              <a:t> </a:t>
            </a:r>
            <a:r>
              <a:rPr lang="en-GB" sz="1800" err="1"/>
              <a:t>können</a:t>
            </a:r>
            <a:endParaRPr lang="en-GB" sz="180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Anforderungen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43698145-0F68-D603-2C81-35F23574DA7A}"/>
              </a:ext>
            </a:extLst>
          </p:cNvPr>
          <p:cNvSpPr txBox="1">
            <a:spLocks/>
          </p:cNvSpPr>
          <p:nvPr/>
        </p:nvSpPr>
        <p:spPr bwMode="black">
          <a:xfrm>
            <a:off x="504000" y="873332"/>
            <a:ext cx="11186476" cy="2769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DE" sz="1800"/>
              <a:t>Kann-Kriterien (X soll/sollte Y können)</a:t>
            </a:r>
          </a:p>
        </p:txBody>
      </p:sp>
    </p:spTree>
    <p:extLst>
      <p:ext uri="{BB962C8B-B14F-4D97-AF65-F5344CB8AC3E}">
        <p14:creationId xmlns:p14="http://schemas.microsoft.com/office/powerpoint/2010/main" val="426826540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473D2E81-BAAB-0E1F-49DC-E9CAAC50AAF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994646"/>
            <a:ext cx="12195175" cy="48687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1675412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BDA3ADB2-846B-7F93-501E-95BD4F1716E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1740" y="0"/>
            <a:ext cx="10231694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188262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34A14737-EDC0-6D68-023D-947050B95F6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1271392"/>
            <a:ext cx="12195175" cy="43152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015544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23AA2B2-28ED-EB65-8197-D0BBF2B710A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7673" y="0"/>
            <a:ext cx="11619827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593888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9F05480-FEEA-411D-7F61-38E7127B0F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1165729"/>
            <a:ext cx="12195175" cy="45265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922899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9D55A14-30C8-0838-FA06-48B96901C62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64" y="1163782"/>
            <a:ext cx="12211286" cy="45363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359873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25A9BC52-7154-643D-ACA6-34E44081780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1610634"/>
            <a:ext cx="12195175" cy="36367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165849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9F21F09-1104-CD40-3562-0B50F98366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1321" y="1353787"/>
            <a:ext cx="12200336" cy="4144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1001133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5DC1C2B9-6781-29A6-1EDB-C115E6F4A94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1455507"/>
            <a:ext cx="12195175" cy="39469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115800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7C97F2B-4E3E-CAA6-4E91-17C5D70EEDC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52" y="1733797"/>
            <a:ext cx="12200197" cy="33963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627780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7197F-021B-ABF2-15BA-0869DBFD4E2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Mockups</a:t>
            </a:r>
            <a:r>
              <a:rPr lang="en-GB"/>
              <a:t> in Telegram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Verschiedene</a:t>
            </a:r>
            <a:r>
              <a:rPr lang="en-GB"/>
              <a:t> Ideen </a:t>
            </a:r>
            <a:r>
              <a:rPr lang="en-GB" err="1"/>
              <a:t>aus</a:t>
            </a:r>
            <a:r>
              <a:rPr lang="en-GB"/>
              <a:t> Worksho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err="1"/>
              <a:t>Beispielmockups</a:t>
            </a:r>
            <a:endParaRPr lang="en-GB"/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Hands-App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Desktop-App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GB"/>
              <a:t>Rest in </a:t>
            </a:r>
            <a:r>
              <a:rPr lang="en-GB" err="1"/>
              <a:t>Anhang</a:t>
            </a:r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0BCD606-21BB-788C-F180-86D872831B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/>
              <a:t>Mockups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D3525B5C-B96B-B785-42E1-012B78A297E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22428" y="381000"/>
            <a:ext cx="3048000" cy="304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138159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7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4054650A-9B32-3A0E-4EC6-37873D28C4B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367634"/>
            <a:ext cx="12195175" cy="61227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265710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7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F86C897D-85AB-4496-A5D9-49057BC3DF4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191735" y="0"/>
            <a:ext cx="5811703" cy="6858000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EE2EFA07-3D62-3763-7B01-6622F131DFB2}"/>
              </a:ext>
            </a:extLst>
          </p:cNvPr>
          <p:cNvSpPr txBox="1"/>
          <p:nvPr/>
        </p:nvSpPr>
        <p:spPr>
          <a:xfrm>
            <a:off x="391885" y="332508"/>
            <a:ext cx="243656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kern="0">
                <a:ea typeface="Arial Unicode MS" pitchFamily="34" charset="-128"/>
                <a:cs typeface="Arial Unicode MS" pitchFamily="34" charset="-128"/>
              </a:rPr>
              <a:t>Supportentscheidungen</a:t>
            </a:r>
          </a:p>
        </p:txBody>
      </p:sp>
    </p:spTree>
    <p:extLst>
      <p:ext uri="{BB962C8B-B14F-4D97-AF65-F5344CB8AC3E}">
        <p14:creationId xmlns:p14="http://schemas.microsoft.com/office/powerpoint/2010/main" val="286522239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7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282DB7DA-682F-5AA9-9B1A-AE2B7E0020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" y="1811147"/>
            <a:ext cx="12195175" cy="32357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3904116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7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BEA361ED-D66B-6013-8C11-0330D9B3F9A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99757" y="0"/>
            <a:ext cx="8195659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1466469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4785B292-0E2E-CB6A-4CB8-A20873F5232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40237" y="44450"/>
            <a:ext cx="3314700" cy="67691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563165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E24A5F2-CE09-F643-9ADB-7FEB87D49F2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7987" y="215900"/>
            <a:ext cx="11379200" cy="6426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628936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2.xml><?xml version="1.0" encoding="utf-8"?>
<a:theme xmlns:a="http://schemas.openxmlformats.org/drawingml/2006/main" name="1_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944E18EE-04D1-A34D-805D-2D26E03B0802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type":"heading","name":"ContactInformation","label":"Contact Information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Date","value":"TVQFyy1hiUDIs91g3uDDPg=="},{"name":"SpeakerName","value":"f24Q6+6FjyuSQp5EYBg4Cw=="},{"name":"Email","value":"fjOVdRFJKK1NkqDfupIcKbjR0nUh9kdafulkLnM/t4Q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878478204795561","enableDocumentContentUpdater":tru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622826752015581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7873589825377988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elementConfiguration":{"binding":"{{DataSources.Classification[Form.Classification.Name].Display}}","disableUpdates":false,"type":"text"},"type":"shape","id":"cb1b31d4-f8c6-4362-903c-98e34dae1eac"},{"elementConfiguration":{"binding":"{{DataSources.Classification[Form.Classification.Name].Display}}","disableUpdates":false,"type":"text"},"type":"shape","id":"d7845d3f-e7f8-4f23-8b3f-5532b60c6e1a"},{"elementConfiguration":{"binding":"{{DataSources.Classification[Form.Classification.Name].Display}}","disableUpdates":false,"type":"text"},"type":"shape","id":"2bedc170-ca26-48e3-aed6-3334bcce27ad"},{"elementConfiguration":{"image":"{{Form.SAPLogo.LogoBlack}}","disableUpdates":false,"type":"image"},"type":"shape","id":"da522401-a87b-444c-afc7-749d6baaacec"},{"elementConfiguration":{"image":"{{Form.SAPLogo.SubbrandBlack}}","visibility":"{{IfElse(Equals(Form.SAPLogo.HideSubBrandShape, \"Yes\"), VisibilityType.Hidden, VisibilityType.Visible)}}","disableUpdates":false,"type":"image"},"type":"shape","id":"628eb5c2-7bdb-4c63-bde2-b21a86f0cd2b"},{"elementConfiguration":{"binding":"{{DataSources.Classification[Form.Classification.Name].Display}}","disableUpdates":false,"type":"text"},"type":"shape","id":"2b84c555-ff71-47dd-941d-07d5407935f2"},{"elementConfiguration":{"image":"{{Form.SAPLogo.LogoBlack}}","disableUpdates":false,"type":"image"},"type":"shape","id":"e0bfc784-7f39-4c73-89da-2219f0ff4543"},{"elementConfiguration":{"image":"{{Form.SAPLogo.SubbrandBlack}}","visibility":"{{IfElse(Equals(Form.SAPLogo.HideSubBrandShape, \"Yes\"), VisibilityType.Hidden, VisibilityType.Visible)}}","disableUpdates":false,"type":"image"},"type":"shape","id":"22aabc01-a6ae-42cf-9f1b-fc4b5991f32c"},{"elementConfiguration":{"binding":"{{DataSources.Classification[Form.Classification.Name].Display}}","disableUpdates":false,"type":"text"},"type":"shape","id":"97e600cd-3712-4dc0-8b06-cdaadd67425b"},{"elementConfiguration":{"image":"{{Form.SAPLogo.LogoBlack}}","disableUpdates":false,"type":"image"},"type":"shape","id":"c69b15ea-30de-41f6-b2bf-6a47ac745fba"},{"elementConfiguration":{"binding":"{{DataSources.Classification[Form.Classification.Name].Display}}","disableUpdates":false,"type":"text"},"type":"shape","id":"32f9d58d-5b71-45f8-9426-7bdae828d0ce"},{"elementConfiguration":{"image":"{{Form.SAPLogo.SubbrandBlack}}","visibility":"{{IfElse(Equals(Form.SAPLogo.HideSubBrandShape, \"Yes\"), VisibilityType.Hidden, VisibilityType.Visible)}}","disableUpdates":false,"type":"image"},"type":"shape","id":"4a3e78b5-ae68-4272-8343-f3584da9c757"},{"elementConfiguration":{"image":"{{Form.SAPLogo.LogoBlack}}","disableUpdates":false,"type":"image"},"type":"shape","id":"60de306f-669d-475c-a952-a16c7b9bd4fa"},{"elementConfiguration":{"image":"{{Form.SAPLogo.SubbrandBlack}}","visibility":"{{IfElse(Equals(Form.SAPLogo.HideSubBrandShape, \"Yes\"), VisibilityType.Hidden, VisibilityType.Visible)}}","disableUpdates":false,"type":"image"},"type":"shape","id":"2cd65cdf-6598-48c2-9636-a977560d458f"},{"elementConfiguration":{"image":"{{Form.SAPLogo.LogoWhite}}","disableUpdates":false,"type":"image"},"type":"shape","id":"5628a403-8f5e-4e6a-ad1a-6e60ec340eba"},{"elementConfiguration":{"image":"{{Form.SAPLogo.SubbrandWhite}}","visibility":"{{IfElse(Equals(Form.SAPLogo.HideSubBrandShape, \"Yes\"), VisibilityType.Hidden, VisibilityType.Visible)}}","disableUpdates":false,"type":"image"},"type":"shape","id":"d1923ccb-2695-4164-9093-b34b2b2c99be"},{"elementConfiguration":{"binding":"{{Form.SpeakerName}}","disableUpdates":false,"type":"text"},"type":"shape","id":"537f8130-c6ed-4dba-90ac-5f174f73f9a8"},{"elementConfiguration":{"binding":"{{Form.Email}}","disableUpdates":false,"type":"text"},"type":"shape","id":"299ba9ea-7fb8-491a-bedf-198c3926dc2a"},{"elementConfiguration":{"image":"{{Form.SAPLogo.LogoWhite}}","disableUpdates":false,"type":"image"},"type":"shape","id":"4c7ccfdb-d77b-4fa0-aab4-f5979967d096"},{"elementConfiguration":{"image":"{{Form.SAPLogo.SubbrandWhite}}","visibility":"{{IfElse(Equals(Form.SAPLogo.HideSubBrandShape, \"Yes\"), VisibilityType.Hidden, VisibilityType.Visible)}}","disableUpdates":false,"type":"image"},"type":"shape","id":"561a93f1-684f-40b9-9c89-7f3dadb0e094"},{"elementConfiguration":{"binding":"{{DataSources.Classification[Form.Classification.Name].Display}}","disableUpdates":false,"type":"text"},"type":"shape","id":"6e9479aa-1cc5-4b36-b2b5-83d647c64a0e"},{"elementConfiguration":{"binding":"{{StringJoin(\", \", Form.SpeakerName,\"SAP\")}}","disableUpdates":false,"type":"text"},"type":"shape","id":"07fc7460-5402-4dd0-863a-3536e97c2995"},{"elementConfiguration":{"binding":"{{FormatDateTime(Form.Date,\"MMMM dd, yyyy\",\"en-US\")}}","disableUpdates":false,"type":"text"},"type":"shape","id":"aaa23b05-214b-4eb2-846f-b16ab7f101a7"},{"elementConfiguration":{"image":"{{Form.SAPLogo.LogoWhite}}","disableUpdates":false,"type":"image"},"type":"shape","id":"02037f06-e18f-4d12-9129-d305daf6b0c3"},{"elementConfiguration":{"image":"{{Form.SAPLogo.SubbrandWhite}}","visibility":"{{IfElse(Equals(Form.SAPLogo.HideSubBrandShape, \"Yes\"), VisibilityType.Hidden, VisibilityType.Visible)}}","disableUpdates":false,"type":"image"},"type":"shape","id":"6f75df13-bbaf-4231-af24-989e5cf23d93"},{"elementConfiguration":{"binding":"{{DataSources.Classification[Form.Classification.Name].Display}}","disableUpdates":false,"type":"text"},"type":"shape","id":"b9019694-0ef5-478e-911d-e117ecac6d5c"},{"elementConfiguration":{"binding":"{{FormatDateTime(Form.Date,\"MMMM dd, yyyy\",\"en-US\")}}","disableUpdates":false,"type":"text"},"type":"shape","id":"6b32e411-f4cb-49a7-b11d-995a91afa568"},{"elementConfiguration":{"binding":"{{StringJoin(\", \", Form.SpeakerName,\"SAP\")}}","disableUpdates":false,"type":"text"},"type":"shape","id":"c6c078b4-1e23-4a69-9ceb-9e8f1b5c1803"},{"elementConfiguration":{"image":"{{Form.SAPLogo.LogoWhite}}","disableUpdates":false,"type":"image"},"type":"shape","id":"ad883454-7ac5-4eb6-924d-c93eb8a06ebb"},{"elementConfiguration":{"image":"{{Form.SAPLogo.SubbrandWhite}}","visibility":"{{IfElse(Equals(Form.SAPLogo.HideSubBrandShape, \"Yes\"), VisibilityType.Hidden, VisibilityType.Visible)}}","disableUpdates":false,"type":"image"},"type":"shape","id":"ba168bf7-6771-4b80-8474-b50472af0627"},{"elementConfiguration":{"binding":"{{DataSources.Classification[Form.Classification.Name].Display}}","disableUpdates":false,"type":"text"},"type":"shape","id":"877a7dc5-71c0-4728-8266-b8adbc4764ad"},{"elementConfiguration":{"binding":"{{FormatDateTime(Form.Date,\"MMMM dd, yyyy\",\"en-US\")}}","disableUpdates":false,"type":"text"},"type":"shape","id":"f52cf019-0b83-4630-a8e1-b023ed2cb689"},{"elementConfiguration":{"binding":"{{StringJoin(\", \", Form.SpeakerName,\"SAP\")}}","disableUpdates":false,"type":"text"},"type":"shape","id":"52078333-18a1-4669-bdb4-330deea80043"},{"elementConfiguration":{"image":"{{Form.SAPLogo.LogoWhite}}","disableUpdates":false,"type":"image"},"type":"shape","id":"1dbce38e-2215-4385-a799-dd483e1ea826"},{"elementConfiguration":{"image":"{{Form.SAPLogo.SubbrandWhite}}","visibility":"{{IfElse(Equals(Form.SAPLogo.HideSubBrandShape, \"Yes\"), VisibilityType.Hidden, VisibilityType.Visible)}}","disableUpdates":false,"type":"image"},"type":"shape","id":"4570f9f7-64a4-482c-a78c-77e7ecf980e5"},{"elementConfiguration":{"binding":"{{DataSources.Classification[Form.Classification.Name].Display}}","disableUpdates":false,"type":"text"},"type":"shape","id":"fa57c874-fb1e-442a-bc6e-4ae9c632e856"},{"elementConfiguration":{"binding":"{{FormatDateTime(Form.Date,\"MMMM dd, yyyy\",\"en-US\")}}","disableUpdates":false,"type":"text"},"type":"shape","id":"5e513e0a-f7aa-4cb8-ae81-466d5ad7b18b"},{"elementConfiguration":{"binding":"{{StringJoin(\", \", Form.SpeakerName,\"SAP\")}}","disableUpdates":false,"type":"text"},"type":"shape","id":"b29b536e-9ae5-4b04-b831-da824047f383"},{"elementConfiguration":{"binding":"{{FormatDateTime(Form.Date,\"MMMM dd, yyyy\",\"en-US\")}}","disableUpdates":false,"type":"text"},"type":"shape","id":"df8d5ba5-2e07-45f7-a9c9-85ad9eaa6e7c"},{"elementConfiguration":{"binding":"{{StringJoin(\", \", Form.SpeakerName,\"SAP\")}}","disableUpdates":false,"type":"text"},"type":"shape","id":"7aac766a-97e1-4d10-a7a7-cd4f4df81326"},{"elementConfiguration":{"binding":"{{FormatDateTime(Form.Date,\"MMMM dd, yyyy\",\"en-US\")}}","disableUpdates":false,"type":"text"},"type":"shape","id":"3db1cb53-b4ad-4a66-a76a-c407ee8a5ac5"},{"elementConfiguration":{"binding":"{{StringJoin(\", \", Form.SpeakerName,\"SAP\")}}","disableUpdates":false,"type":"text"},"type":"shape","id":"8384fe3c-bca0-4b5b-ae69-cf2adc858464"},{"elementConfiguration":{"binding":"{{FormatDateTime(Form.Date,\"MMMM dd, yyyy\",\"en-US\")}}","disableUpdates":false,"type":"text"},"type":"shape","id":"93ecd39e-2d44-42e0-9467-a05f0e98bf1a"},{"elementConfiguration":{"binding":"{{StringJoin(\", \", Form.SpeakerName,\"SAP\")}}","disableUpdates":false,"type":"text"},"type":"shape","id":"5b3bdb19-7a66-4e24-9e77-8ba3996fa781"},{"elementConfiguration":{"binding":"{{FormatDateTime(Form.Date,\"MMMM dd, yyyy\",\"en-US\")}}","disableUpdates":false,"type":"text"},"type":"shape","id":"4d241718-33e9-4fa7-8383-c32078785a2f"},{"elementConfiguration":{"binding":"{{StringJoin(\", \", Form.SpeakerName,\"SAP\")}}","disableUpdates":false,"type":"text"},"type":"shape","id":"3ec716a5-b2d7-466f-87fc-b677fc973d82"},{"elementConfiguration":{"binding":"{{Form.SpeakerName}}","disableUpdates":false,"type":"text"},"type":"shape","id":"965a2215-0fa6-4a83-a6bf-dfcec31c6f59"},{"elementConfiguration":{"binding":"{{Form.Email}}","disableUpdates":false,"type":"text"},"type":"shape","id":"f8b70ad1-c3f8-4c4e-89ae-66f7c4d93da8"}],"transformationConfigurations":[],"templateName":"Black Template","templateDescription":"","enableDocumentContentUpdater":tru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TemplateConfiguration><![CDATA[{"slideVersion":1,"isValidatorEnabled":false,"isLocked":false,"elementsMetadata":[{"type":"shape","elementConfiguration":{"image":"{{Form.SAPLogo.LogoBlack}}","disableUpdates":false,"type":"image"}},{"type":"shape","elementConfiguration":{"image":"{{Form.SAPLogo.SubbrandBlack}}","visibility":"{{IfElse(Equals(Form.SAPLogo.HideSubBrandShape, \"Yes\"), VisibilityType.Hidden, VisibilityType.Visible)}}","disableUpdates":false,"type":"image"}}],"slideId":"637836292734746579","enableDocumentContentUpdater":true,"version":"2.0"}]]></TemplafySlideTemplate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TemplateConfiguration><![CDATA[{"slideVersion":1,"isValidatorEnabled":false,"isLocked":false,"elementsMetadata":[{"type":"shape","elementConfiguration":{"image":"{{Form.SAPLogo.LogoBlack}}","disableUpdates":false,"type":"image"}},{"type":"shape","elementConfiguration":{"image":"{{Form.SAPLogo.SubbrandBlack}}","visibility":"{{IfElse(Equals(Form.SAPLogo.HideSubBrandShape, \"Yes\"), VisibilityType.Hidden, VisibilityType.Visible)}}","disableUpdates":false,"type":"image"}}],"slideId":"637836292734700823","enableDocumentContentUpdater":tru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2DCC0E9-628B-41B8-A48C-F248605C2C63}">
  <ds:schemaRefs/>
</ds:datastoreItem>
</file>

<file path=customXml/itemProps10.xml><?xml version="1.0" encoding="utf-8"?>
<ds:datastoreItem xmlns:ds="http://schemas.openxmlformats.org/officeDocument/2006/customXml" ds:itemID="{C3FD817B-BC1E-42E4-AF0C-E5F4E0AD2C9B}">
  <ds:schemaRefs/>
</ds:datastoreItem>
</file>

<file path=customXml/itemProps11.xml><?xml version="1.0" encoding="utf-8"?>
<ds:datastoreItem xmlns:ds="http://schemas.openxmlformats.org/officeDocument/2006/customXml" ds:itemID="{4940A552-1D00-4F5C-907F-7675D5D2C809}">
  <ds:schemaRefs/>
</ds:datastoreItem>
</file>

<file path=customXml/itemProps12.xml><?xml version="1.0" encoding="utf-8"?>
<ds:datastoreItem xmlns:ds="http://schemas.openxmlformats.org/officeDocument/2006/customXml" ds:itemID="{9A1EC6C0-585A-E049-9DAB-A6511C3C340D}">
  <ds:schemaRefs/>
</ds:datastoreItem>
</file>

<file path=customXml/itemProps13.xml><?xml version="1.0" encoding="utf-8"?>
<ds:datastoreItem xmlns:ds="http://schemas.openxmlformats.org/officeDocument/2006/customXml" ds:itemID="{813F551D-B859-924D-A5B0-2369224925F6}">
  <ds:schemaRefs/>
</ds:datastoreItem>
</file>

<file path=customXml/itemProps14.xml><?xml version="1.0" encoding="utf-8"?>
<ds:datastoreItem xmlns:ds="http://schemas.openxmlformats.org/officeDocument/2006/customXml" ds:itemID="{D07E8215-76CB-44B3-96B6-D2247C3C7A07}">
  <ds:schemaRefs/>
</ds:datastoreItem>
</file>

<file path=customXml/itemProps15.xml><?xml version="1.0" encoding="utf-8"?>
<ds:datastoreItem xmlns:ds="http://schemas.openxmlformats.org/officeDocument/2006/customXml" ds:itemID="{B9CBFB8F-AE4F-4E30-8C7A-D1D99183C96F}">
  <ds:schemaRefs/>
</ds:datastoreItem>
</file>

<file path=customXml/itemProps2.xml><?xml version="1.0" encoding="utf-8"?>
<ds:datastoreItem xmlns:ds="http://schemas.openxmlformats.org/officeDocument/2006/customXml" ds:itemID="{C1422F45-04DB-421D-8796-270006657806}">
  <ds:schemaRefs>
    <ds:schemaRef ds:uri="0e00d59e-b0d2-4e67-be34-67e465b0fbed"/>
    <ds:schemaRef ds:uri="http://schemas.microsoft.com/office/2006/metadata/properties"/>
    <ds:schemaRef ds:uri="http://www.w3.org/XML/1998/namespace"/>
    <ds:schemaRef ds:uri="http://purl.org/dc/dcmitype/"/>
    <ds:schemaRef ds:uri="http://purl.org/dc/terms/"/>
    <ds:schemaRef ds:uri="47fc58d8-9f4b-4bc8-b278-c3cb6f298023"/>
    <ds:schemaRef ds:uri="http://purl.org/dc/elements/1.1/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</ds:schemaRefs>
</ds:datastoreItem>
</file>

<file path=customXml/itemProps3.xml><?xml version="1.0" encoding="utf-8"?>
<ds:datastoreItem xmlns:ds="http://schemas.openxmlformats.org/officeDocument/2006/customXml" ds:itemID="{0C9A5FF4-3C8B-45D7-A62E-26A3635ADA6B}">
  <ds:schemaRefs/>
</ds:datastoreItem>
</file>

<file path=customXml/itemProps4.xml><?xml version="1.0" encoding="utf-8"?>
<ds:datastoreItem xmlns:ds="http://schemas.openxmlformats.org/officeDocument/2006/customXml" ds:itemID="{67328D88-D784-4A45-A0A2-AEBAD0FCDB3C}">
  <ds:schemaRefs/>
</ds:datastoreItem>
</file>

<file path=customXml/itemProps5.xml><?xml version="1.0" encoding="utf-8"?>
<ds:datastoreItem xmlns:ds="http://schemas.openxmlformats.org/officeDocument/2006/customXml" ds:itemID="{B3812128-B7DF-461F-A8F2-831754A1D2F6}">
  <ds:schemaRefs>
    <ds:schemaRef ds:uri="0e00d59e-b0d2-4e67-be34-67e465b0fbed"/>
    <ds:schemaRef ds:uri="47fc58d8-9f4b-4bc8-b278-c3cb6f298023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6.xml><?xml version="1.0" encoding="utf-8"?>
<ds:datastoreItem xmlns:ds="http://schemas.openxmlformats.org/officeDocument/2006/customXml" ds:itemID="{69BEA760-1BBE-4D3B-ABB8-DB19E2D6D0FC}">
  <ds:schemaRefs/>
</ds:datastoreItem>
</file>

<file path=customXml/itemProps7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C89074B9-BF68-4065-967A-2557C0BD70F8}">
  <ds:schemaRefs/>
</ds:datastoreItem>
</file>

<file path=customXml/itemProps9.xml><?xml version="1.0" encoding="utf-8"?>
<ds:datastoreItem xmlns:ds="http://schemas.openxmlformats.org/officeDocument/2006/customXml" ds:itemID="{41FAFDA7-9E71-4405-B8D6-1E626CD8B34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160</Words>
  <Application>Microsoft Macintosh PowerPoint</Application>
  <PresentationFormat>Custom</PresentationFormat>
  <Paragraphs>369</Paragraphs>
  <Slides>73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73</vt:i4>
      </vt:variant>
    </vt:vector>
  </HeadingPairs>
  <TitlesOfParts>
    <vt:vector size="81" baseType="lpstr">
      <vt:lpstr>Arial</vt:lpstr>
      <vt:lpstr>Courier New</vt:lpstr>
      <vt:lpstr>Symbol</vt:lpstr>
      <vt:lpstr>Wingdings</vt:lpstr>
      <vt:lpstr>Wingdings</vt:lpstr>
      <vt:lpstr>SAP 2022 16x9 black</vt:lpstr>
      <vt:lpstr>1_SAP 2022 16x9 white</vt:lpstr>
      <vt:lpstr>SAP 2022 16x9 blue</vt:lpstr>
      <vt:lpstr>PowerPoint Presentation</vt:lpstr>
      <vt:lpstr>Agenda</vt:lpstr>
      <vt:lpstr>PowerPoint Presentation</vt:lpstr>
      <vt:lpstr>Terminplanung</vt:lpstr>
      <vt:lpstr>Anforderungen</vt:lpstr>
      <vt:lpstr>Anforderungen</vt:lpstr>
      <vt:lpstr>Mockups</vt:lpstr>
      <vt:lpstr>PowerPoint Presentation</vt:lpstr>
      <vt:lpstr>PowerPoint Presentation</vt:lpstr>
      <vt:lpstr>PowerPoint Presentation</vt:lpstr>
      <vt:lpstr>Ressourcenplanung</vt:lpstr>
      <vt:lpstr>PowerPoint Presentation</vt:lpstr>
      <vt:lpstr>Änderungen an Anforderungen aus Lastenheft</vt:lpstr>
      <vt:lpstr>Personas</vt:lpstr>
      <vt:lpstr>User-Stories</vt:lpstr>
      <vt:lpstr>PowerPoint Presentation</vt:lpstr>
      <vt:lpstr>Strategisches Design </vt:lpstr>
      <vt:lpstr>Taktisches Design</vt:lpstr>
      <vt:lpstr>Makromodellierung</vt:lpstr>
      <vt:lpstr>PowerPoint Presentation</vt:lpstr>
      <vt:lpstr>Mikromodellierung</vt:lpstr>
      <vt:lpstr>PowerPoint Presentation</vt:lpstr>
      <vt:lpstr>PowerPoint Presentation</vt:lpstr>
      <vt:lpstr>PowerPoint Presentation</vt:lpstr>
      <vt:lpstr>PowerPoint Presentation</vt:lpstr>
      <vt:lpstr>Designpatterns</vt:lpstr>
      <vt:lpstr>PowerPoint Presentation</vt:lpstr>
      <vt:lpstr>Ausblick</vt:lpstr>
      <vt:lpstr>Q &amp; A</vt:lpstr>
      <vt:lpstr>PowerPoint Presentation</vt:lpstr>
      <vt:lpstr>PowerPoint Presentation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flichtenheft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Goes Here and Here and Here</dc:title>
  <dc:subject/>
  <dc:creator>SAP</dc:creator>
  <cp:keywords>2022/16:9/black</cp:keywords>
  <dc:description/>
  <cp:lastModifiedBy>Neunzig, Mathis</cp:lastModifiedBy>
  <cp:revision>1</cp:revision>
  <dcterms:created xsi:type="dcterms:W3CDTF">2022-06-15T07:07:27Z</dcterms:created>
  <dcterms:modified xsi:type="dcterms:W3CDTF">2022-07-27T13:14:3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2-05-12T10:55:43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179360782</vt:lpwstr>
  </property>
  <property fmtid="{D5CDD505-2E9C-101B-9397-08002B2CF9AE}" pid="12" name="TemplafyUserProfileId">
    <vt:lpwstr>637710588059627203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